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933\equipe\06) COMUNICAZIONE ESTERNA-MARKETING\00) Nuovo Sito\Struttura&amp;Contenuti\PDF-Footer\Sezione Trasparenza\11) Sovvenzioni - Contributi - Sussidi\PUBBLICARE\"/>
    </mc:Choice>
  </mc:AlternateContent>
  <bookViews>
    <workbookView xWindow="0" yWindow="0" windowWidth="28800" windowHeight="12300"/>
  </bookViews>
  <sheets>
    <sheet name="PER IMPORTAZIONE" sheetId="1" r:id="rId1"/>
  </sheets>
  <definedNames>
    <definedName name="_xlnm.Print_Titles" localSheetId="0">'PER IMPORTAZIONE'!$6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4" uniqueCount="193">
  <si>
    <t>Soggetto Erogante</t>
  </si>
  <si>
    <t>Unità d’Offerta</t>
  </si>
  <si>
    <t>Somma incassata</t>
  </si>
  <si>
    <t>Data di incasso</t>
  </si>
  <si>
    <t>Causale</t>
  </si>
  <si>
    <t>ASST-AZIENDA SOCIO SANITARIA TERRITORIALE CREMONA</t>
  </si>
  <si>
    <t>Servizi sul Territorio</t>
  </si>
  <si>
    <t>ATS DELLA VAL PADANA</t>
  </si>
  <si>
    <t>COMUNE DI CASALBUTTANO</t>
  </si>
  <si>
    <t>COMUNE DI CREMONA</t>
  </si>
  <si>
    <t>COMUNE DI PADERNO P.LLI</t>
  </si>
  <si>
    <t>UNIONE LOMBARDA DEI COMUNI OGLIO-CIRIA</t>
  </si>
  <si>
    <t>Contributi ricevuti dalla Pubblica Amministrazione</t>
  </si>
  <si>
    <t>Soggetto Ricevente: Fondazione Ospedale della Carità – Casa di Riposo – ONLUS</t>
  </si>
  <si>
    <t>C.F.: 83000810198 – P.I.: 00871140190</t>
  </si>
  <si>
    <t>COMUNE DI PADERNO DUGNANO</t>
  </si>
  <si>
    <t>Tutte le UDO</t>
  </si>
  <si>
    <t>RSA</t>
  </si>
  <si>
    <t>CDI</t>
  </si>
  <si>
    <t>RSA Aperta</t>
  </si>
  <si>
    <t>COMUNE DI CERNUSCO SUL NAVIGLIO</t>
  </si>
  <si>
    <t>COMUNE DI PAULLO - UFFICIO RAGIONERIA</t>
  </si>
  <si>
    <t>COMUNE DI SORESINA</t>
  </si>
  <si>
    <t xml:space="preserve">UNIONE COMUNI LOMBARDA CASALBUTTANO ED UNITI </t>
  </si>
  <si>
    <t>UNIONE DI COMUNI LOMBARDA "Terra di Cascine"</t>
  </si>
  <si>
    <t>C-DOM</t>
  </si>
  <si>
    <t xml:space="preserve">COMUNE DI MELEGNANO </t>
  </si>
  <si>
    <t>Pasti OTTOBRE 2024</t>
  </si>
  <si>
    <t>Anno 2025</t>
  </si>
  <si>
    <t>Compenso servizio prelievi OTTOBRE NOVEMBRE DICEMBRE 2024</t>
  </si>
  <si>
    <t>Compenso servizio prelievi mese Gennaio 2025</t>
  </si>
  <si>
    <t>Compenso servizio prelievi mese di Febbraio</t>
  </si>
  <si>
    <t>Compenso servizio prelievi mese di Maggio 2025</t>
  </si>
  <si>
    <t>Compenso servizio prelievi mese di aprile 2025</t>
  </si>
  <si>
    <t>Compenso servizio prelievi mese di marzo 2025</t>
  </si>
  <si>
    <t>Compenso servizio prelievi mese di Giugno 2025</t>
  </si>
  <si>
    <t>Compenso servizio prelievi mese di Luglio 2025</t>
  </si>
  <si>
    <t>Compenso servizio prelievi mese di AGOSTO 2025</t>
  </si>
  <si>
    <t>Quota iscrizione vs dip AR al corso "Riconoscimento del valore del dato" organizzato co il Presidio Ospedaliero di Cremona in data 2 Dicembre 2025</t>
  </si>
  <si>
    <t>Quota iscrizione vs dip VG al corso "Riconoscimento del valore del dato" organizzato co il Presidio Ospedaliero di Cremona in data 2 Dicembre 2025</t>
  </si>
  <si>
    <t>ACCONTI ASSI ADI VOUCHER GENNAIO 2025</t>
  </si>
  <si>
    <t>Acconti ASSI ADI VOUCHER Febbraio 2025</t>
  </si>
  <si>
    <t>Acconti ASSI ADI VOUCHER Marzo 2025</t>
  </si>
  <si>
    <t>Acconti ASSI ADI VOUCHER Aprile 2025</t>
  </si>
  <si>
    <t>Acconti ASSI ADI VOUCHER Maggio 2025</t>
  </si>
  <si>
    <t>Acconti ASSI ADI VOUCHER Giugno 2025</t>
  </si>
  <si>
    <t>Saldo C-DOM 2024 (CUDES 091854)</t>
  </si>
  <si>
    <t>Acconti ASSI ADI VOUCHER Luglio 2025</t>
  </si>
  <si>
    <t>Saldo anno 2024 - Unità d'offerta C-DOM - Cudes 091854</t>
  </si>
  <si>
    <t>Acconti ASSI ADI VOUCHER Agosto 2025</t>
  </si>
  <si>
    <t>Acconti ASSI ADI VOUCHER Settembre 2025</t>
  </si>
  <si>
    <t>Acconti ASSI ADI VOUCHER Ottobre 2025</t>
  </si>
  <si>
    <t>ACCONTI ASSI ADI VOUCHER DICEMBRE 2025</t>
  </si>
  <si>
    <t>ACCONTI ASSI ADI VOUCHER NOVEMBRE 2025</t>
  </si>
  <si>
    <t>Acconto Tariffe Sanitarie mese Gennaio 2025 - CDI</t>
  </si>
  <si>
    <t>Acconto Tariffe Sanitarie mese Febbraio 2025 - CDI</t>
  </si>
  <si>
    <t>Acconto Tariffe Sanitarie mese Mazo 2025 - CDI</t>
  </si>
  <si>
    <t>Acconto Tariffe Sanitarie mese Aprile 2025 - CDI</t>
  </si>
  <si>
    <t>Acconto Tariffe Sanitarie mese Maggio 2025 - CDI</t>
  </si>
  <si>
    <t>Acconto Tariffe Sanitarie mese Giugno 2025 - CDI</t>
  </si>
  <si>
    <t>Saldo anno 2024 - Unità d'offerta CDI - Cudes 001956</t>
  </si>
  <si>
    <t>Acconto Tariffe Sanitarie mese Luglio 2025 - CDI</t>
  </si>
  <si>
    <t>Acconto Tariffe Sanitarie mese Agosto 2025 - CDI</t>
  </si>
  <si>
    <t>Acconto Tariffe Sanitarie mese Settembre 2025 - CDI</t>
  </si>
  <si>
    <t>Acconto Tariffe Sanitarie mese Ottobre 2025 - CDI</t>
  </si>
  <si>
    <t>ACCONTO TARIFFE SANITARIE CDI NOVEMBRE 2025</t>
  </si>
  <si>
    <t>ACCONTO TARIFFE SANITARIE CDI DICEMBRE 2025</t>
  </si>
  <si>
    <t>Acconto Tariffe Sanitarie mese Gennaio 2025 - RSA</t>
  </si>
  <si>
    <t>Acconto Tariffe Sanitarie mese Febbraio 2025 - RSA</t>
  </si>
  <si>
    <t>Acconto Tariffe Sanitarie mese Marzo 2025 - RSA</t>
  </si>
  <si>
    <t>Acconto Tariffe Sanitarie mese Aprile 2025 - RSA</t>
  </si>
  <si>
    <t>Acconto Tariffe Sanitarie mese Maggio 2025 - RSA</t>
  </si>
  <si>
    <t>Acconto Tariffe Sanitarie mese Giugno 2025 - RSA</t>
  </si>
  <si>
    <t>Saldo Tariffe Sanitarie RSA-001839 anno 2024</t>
  </si>
  <si>
    <t>Acconto Tariffe Sanitarie mese Luglio 2025 - RSA</t>
  </si>
  <si>
    <t>Acconto Tariffe Sanitarie mese Agosto 2025 - RSA</t>
  </si>
  <si>
    <t>Acconto Tariffe Sanitarie mese Settembre 2025 - RSA</t>
  </si>
  <si>
    <t>Acconto Tariffe Sanitarie mese Ottobre 2025 - RSA</t>
  </si>
  <si>
    <t>ACCONTO TARIFFE SANITARIE NOVEMBRE 2025</t>
  </si>
  <si>
    <t>ACCONTO TARIFFE SANITARIE DICEMBRE 2025</t>
  </si>
  <si>
    <t>Prestazioni RSA APERTA I Trim 2025</t>
  </si>
  <si>
    <t>Prestazioni RSA APERTA Saldo 2024</t>
  </si>
  <si>
    <t>Prestazioni RSA APERTA II Trim 2025</t>
  </si>
  <si>
    <t>Prestazioni RSA APERTA III Trim 2025</t>
  </si>
  <si>
    <t>Determina n. 292 del 06/09/2022 contributo retta Novembre 2024 Sig. P.C. Contributo retta mese di Novembre 2024 G. G.</t>
  </si>
  <si>
    <t>Determina n. 292 del 06/09/2022 contributo retta Dicembre 2024 Sig. P.C. Contributo retta mese di Dicembre 2024 G. G.</t>
  </si>
  <si>
    <t>Det. n. gen. 124 del 28/04/2025 n. sett. 49  Imp. n. 52747 Contributo mesi gennaio, febbraio, marzo, aprile Ospite Sig. P. C.</t>
  </si>
  <si>
    <t>Det. n. gen. 124 del 28/04/2025 n. sett. 49 Imp. n. 52747 Contributo mese Maggio Ospite Sig. P. C.</t>
  </si>
  <si>
    <t>Det. n. gen. 124 del 28/04/2025 n. sett. 49 Imp. n. 52747 Contributo mese Giugno Ospite Sig. P. C.</t>
  </si>
  <si>
    <t>Det. n. gen. 124 del 28/04/2025 n. sett. 49 Imp. n. 52747 Contributo retta Ospite P. C. mese  luglio 2025</t>
  </si>
  <si>
    <t>Det. n. gen. 124 del 28/04/2025 n. sett. 49 Imp. n. 52747 Contributo retta Ospite P. C. mese  agosto 2025</t>
  </si>
  <si>
    <t>Det. n. gen. 124 del 28/04/2025 n. sett. 49 Imp. n. 52747 Contributo retta Ospite P. C. mese  SETTEMBRE 2025</t>
  </si>
  <si>
    <t>Det. n. gen. 124 del 28/04/2025 n. sett. 49 Imp. n. 52747 Contributo retta Ospite P. C. mese  OTTOBRE 2025</t>
  </si>
  <si>
    <t>Det. n. gen. 124 del 28/04/2025 n. sett. 49 Imp. n. 52747 Contributo retta Ospite P. C. mese  NOVEMBRE 2025</t>
  </si>
  <si>
    <t>Det. n.1120 del 19/09/2024 imp. spesa n. 4977.1 contributo retta mese di Novembre 2024 A. M.</t>
  </si>
  <si>
    <t>Det. n.1120 del 19/09/2024 imp. spesa n. 4977.1 contributo retta mese di Dicembre 2024 A. M.</t>
  </si>
  <si>
    <t>Det. n.1672 del 10/12/2024 imp. spesa n. 508.1 contributo retta mese di Gennaio 2025 A. M.</t>
  </si>
  <si>
    <t>Det. n.1672 del 10/12/2024 imp. spesa n. 508.1 contributo retta mese di Febbraio 2025 A. M.</t>
  </si>
  <si>
    <t>Det. n.1672 del 10/12/2024 imp. spesa n. 508.1 contributo retta mese di Marzo 2025 A. M.</t>
  </si>
  <si>
    <t>Det. n.1672 del 10/12/2024 imp. spesa n. 508.1 contributo retta mese di Aprile 2025 A. M.</t>
  </si>
  <si>
    <t>Det. n.1672 del 10/12/2024 imp. spesa n. 508.1 contributo retta mese di Maggio 2025 A. M..</t>
  </si>
  <si>
    <t>Det. n.1672 del 10/12/2024 imp. spesa n. 508.1 contributo retta mese di Giugno 2025 A. M..</t>
  </si>
  <si>
    <t>Det. n.1672 del 10/12/2024 imp. spesa n. 508.1 Contributo retta Ospite A. M. mese luglio 2025 CIG B496C4D45C</t>
  </si>
  <si>
    <t>Det. n.1762 del 10/12/2024 imp. spesa n. 1352.1 Contributo retta Ospite A. M. mese luglio 2025 CIG B55720223C</t>
  </si>
  <si>
    <t>Det. n.1762 del 10/12/2024 imp. spesa n. 1352.1 Contributo retta Ospite A. M. mese agosto 2025 CIG B55720223C</t>
  </si>
  <si>
    <t>Det. n.1013 del 27/08/2025 imp. spesa n. 4807.1 Contributo retta Ospite A. M. mese SETTEMBRE 2025 CIG B7F6F4EBED</t>
  </si>
  <si>
    <t>Det. n.1013 del 27/08/2025 imp. spesa n. 4807.1 Contributo retta Ospite A. M. mese OTTOBRE 2025 CIG B7F6F4EBED</t>
  </si>
  <si>
    <t>Det. n.1013 del 27/08/2025 imp. spesa n. 4807.1 Contributo retta Ospite A. M. mese NOVEMBRE 2025 CIG B7F6F4EBED</t>
  </si>
  <si>
    <t>Determinazione dirigenziale n. 39 del 12/01/2024 Cap 26350/8 Imp. 2024/941/2 Contributo rette Dicembre 2024</t>
  </si>
  <si>
    <t>Determinazione dirigenziale n. 70 del 17/01/2025 Cap. 26350/8 Imp. 2025/1177/2 Contributo rette Gennaio 2025</t>
  </si>
  <si>
    <t>Determinazione dirigenziale n. 70 del 17/01/2025 Cap. 26350/8 Imp. 2025/1177/2 Contributo rette Febbraio 2025</t>
  </si>
  <si>
    <t>Determinazione dirigenziale n. 70 del 17/01/2025 Cap. 26350/8 Imp. 2025/1177/2 Contributo rette Marzo 2025</t>
  </si>
  <si>
    <t>Determinazione dirigenziale n. 70 del 17/01/2025 Cap. 26350/8 Imp. 2025/1177/2 Contributo rette Aprile 2025</t>
  </si>
  <si>
    <t>Determinazione dirigenziale n. 70 del 17/01/2025 Cap. 26350/8 Imp. 2025/1177/2 Contributo rette Maggio 2025</t>
  </si>
  <si>
    <t>Determinazione dirigenziale n. 70 del 17/01/2025 Cap. 26350/8 Imp. 2025/1177/2 Contributo rette GIUGNO 2025</t>
  </si>
  <si>
    <t>Determinazione dirigenziale n. 70 del 17/01/2025 Cap. 26350/8 Imp. 2025/1177/2 Contributo rette  mese LUGLIO 2025</t>
  </si>
  <si>
    <t>Determinazione dirigenziale n. 70 del 17/01/2025 Cap. 26350/8 Imp. 2025/1177/2 Contributo rette  mese agosto 2025</t>
  </si>
  <si>
    <t>Determinazione dirigenziale n. 70 del 17/01/2025 Cap. 26350/8 Imp. 2025/1177/2 Contributo rette  mese SETTEMBRE 2025</t>
  </si>
  <si>
    <t>Determinazione dirigenziale n. 70 del 17/01/2025 Cap. 26350/8 Imp. 2025/1177/2 Contributo rette  mese OTTOBRE 2025</t>
  </si>
  <si>
    <t>Determinazione dirigenziale n. 2357 del 04/12/2025 Cap. 26491 Imp. 2025/3774/2 Contributo rette  mese NOVEMBRE 2025</t>
  </si>
  <si>
    <t>Determinazione dirigenziale n. 70 del 17/01/2025 Cap. 26350/8 Imp. 2025/1177/2 Contributo rette  mese NOVEMBRE 2025</t>
  </si>
  <si>
    <t>Storno ft. 3524 per errata indicazione impegno</t>
  </si>
  <si>
    <t>Det. n. 320/2024 imp. 00632/2024 cap. 11348/2024 contributo retta mese di Novembre 2024 Sig. SMA</t>
  </si>
  <si>
    <t>Det. n. 320/2024 imp. 00632/2024 cap. 11348/2024 contributo retta mese di Dicembre 2024 Sig. SMA</t>
  </si>
  <si>
    <t>Imp. 11348/2025 cap. 00047/2025 contributo retta mese di Dicembre 2024 Sig. SMA</t>
  </si>
  <si>
    <t>Imp. 11348/2025 cap. 00047/2025 contributo retta mese di Febbraio 2025 Sig. SMA</t>
  </si>
  <si>
    <t>Imp. 11348/2025 cap. 00047/2025 contributo retta mese di Marzo 2025 Sig. S M A</t>
  </si>
  <si>
    <t>Det. n. 281/2025 Imp. 00267/2025 cap. 11348/2025 contributo retta mese di Aprile 2025 Sig. S M A</t>
  </si>
  <si>
    <t>Det. n. 281/2025 Imp. 00267/2025 cap. 11348/2025 contributo retta mese di Maggio 2025 Sig. S M A</t>
  </si>
  <si>
    <t>Det. n. 281/2025 Imp. 00267/2025 cap. 11348/2025 contributo retta mese di GIUGNO 2025 Sig. S M A</t>
  </si>
  <si>
    <t>Det. n. 281/2025 Imp. 00267/2025 cap. 11348/2025 contributo retta  S M A mese  LUGLIO 2025</t>
  </si>
  <si>
    <t>Det. n. 281/2025 Imp. 00267/2025 cap. 11348/2025 contributo retta  S M A mese  agosto 2025</t>
  </si>
  <si>
    <t>Det. n. 572/2025 Imp. 00603/2025 cap. 11348/2025 contributo retta  S M A mese  SETTEMBRE 2025 CIG: B7E870D268</t>
  </si>
  <si>
    <t>Det. n. 572/2025 Imp. 00603/2025 cap. 11348/2025 contributo retta  S M A mese  OTTOBRE 2025 CIG: B7E870D268</t>
  </si>
  <si>
    <t>Det. n. 572/2025 Imp. 00603/2025 cap. 11348/2025 contributo retta  S M A mese  NOVEMBRE 2025 CIG: B7E870D268</t>
  </si>
  <si>
    <t>Determinazione n.792 del 05/09/2024 Imp. n. 0042-10-2024 integrazione retta Novembre 2024 T.S.</t>
  </si>
  <si>
    <t>Determinazione n.792 del 05/09/2024 Imp. n. 0042-10-2024 integrazione retta Dicembre 2024 T.S.</t>
  </si>
  <si>
    <t>Determinazione n. 68 del 27/01/2025 Imp. n. 000068/23/2025 integrazione retta Aprile 2025 Comune di Paderno Dugnano FC n° 1388 A del 10/05/2025</t>
  </si>
  <si>
    <t>Determinazione n. 68 del 27/01/2025 Imp. n. 000068/23/2025 integrazione retta Febbraio 2025 Comune di Paderno Dugnano FC n° 703 A del 15/03/2025</t>
  </si>
  <si>
    <t>Determinazione n. 68 del 27/01/2025 Imp. n. 000068/23/2025 integrazione retta Gennaio 2025 Comune di Paderno Dugnano FC n° 359 A del 14/02/2025</t>
  </si>
  <si>
    <t>Determinazione n. 68 del 27/01/2025 Imp. n. 000068/23/2025 integrazione retta Maggio 2025 Comune di Paderno Dugnano FC n° 1712 A del 04/06/2025</t>
  </si>
  <si>
    <t>Determinazione n. 68 del 27/01/2025 Imp. n. 000068/23/2025 integrazione retta Marzo 2025 Comune di Paderno Dugnano FC n° 1042 A del 12/04/2025</t>
  </si>
  <si>
    <t>Determinazione n. 68 del 27/01/2025 Imp. n. 000068/23/2025 Contributo retta Ospite T.S.  da Comune di Paderno Dugnano mese LUGLIO 2025 FC n° 2411 A del 19/08/2025</t>
  </si>
  <si>
    <t>Determinazione n. 68 del 27/01/2025 Imp. n. 000068/23/2025 integrazione retta GIUGNO 2025 Comune di Paderno Dugnano FC n° 2070 A del 09/07/2025</t>
  </si>
  <si>
    <t>Determinazione n. 68 del 27/01/2025 Imp. n. 000068/23/2025 Contributo retta Ospite T.S.  da Comune di Paderno Dugnano mese Agosto 2025 FC n° 2431 A del 31/08/2025</t>
  </si>
  <si>
    <t>PASTI GENNAIO 2025</t>
  </si>
  <si>
    <t>Pasti festa anziani del 13-10-2024</t>
  </si>
  <si>
    <t>PASTI FEBBRAIO 2025</t>
  </si>
  <si>
    <t>PASTI MARZO 2025</t>
  </si>
  <si>
    <t>Pasti DICEMBRE 2024</t>
  </si>
  <si>
    <t>PASTI APRILE 2025</t>
  </si>
  <si>
    <t>PASTI MAGGIO 2025</t>
  </si>
  <si>
    <t>PASTI GIUGNO 2025</t>
  </si>
  <si>
    <t>PASTI LUGLIO 2025</t>
  </si>
  <si>
    <t>CONFEZIONAMENTO PASTI AGOSTO</t>
  </si>
  <si>
    <t>CONFEZIONAMENTO PASTI SETTEMBRE</t>
  </si>
  <si>
    <t>CONFEZIONAMENTO PASTI OTTOBRE</t>
  </si>
  <si>
    <t>CONFEZIONAMENTO PASTI DEL 19/10/2025</t>
  </si>
  <si>
    <t>CONFEZIONAMENTO PASTI NOVEMBRE</t>
  </si>
  <si>
    <t>Determina n. 27 del 03/04/2023 gen. n. 208 Contributo retta Dicembre 2024 L.M.</t>
  </si>
  <si>
    <t>Determina n. 27 del 03/04/2023 gen. n. 208 Contributo retta Gennaio 2025 L.M.</t>
  </si>
  <si>
    <t>Determina n. 27 del 03/04/2023 gen. n. 208 Contributo retta Febbraio 2025 L.M.</t>
  </si>
  <si>
    <t>Contributo retta Dicembre 2024 Sig. F.M.R.</t>
  </si>
  <si>
    <t>Contributo retta Gennaio 2025 Sig. F.M.R.</t>
  </si>
  <si>
    <t>Contributo retta Febbraio 2025 Sig. F.M.R.</t>
  </si>
  <si>
    <t>Contributo retta Marzo 2025 Sig. F.M.R.</t>
  </si>
  <si>
    <t>Contributo retta Aprile 2025 Sig. F.M.R. Contributo retta Aprile 2025 Sig. A.V.G</t>
  </si>
  <si>
    <t>Contributo retta Maggio 2025 Sig. F.M.R. Contributo retta Maggio 2025 Sig. A.V.G</t>
  </si>
  <si>
    <t>Contributo retta GIUGNO 2025 Sig. F.M.R. Contributo retta GIUGNO 2025 Sig. A.V.G</t>
  </si>
  <si>
    <t>Contributo retta Ospite F.M.R. mese LUGLIO 2025 Contributo retta Ospite A.V.G. mese LUGLIO 2025</t>
  </si>
  <si>
    <t>Contributo retta Ospite F.M.R. mese agosto 2025 Contributo retta Ospite A.V.G. mese agosto 2025</t>
  </si>
  <si>
    <t>Contributo retta Ospite F.M.R. mese SETTEMBRE 2025 Contributo retta Ospite A.V.G. mese SETTEMBRE 2025</t>
  </si>
  <si>
    <t>Contributo retta Ospite F.M.R. mese OTTOBRE 2025 Contributo retta Ospite A.V.G. mese OTTOBRE 2025</t>
  </si>
  <si>
    <t>Contributo retta Ospite F.M.R. mese NOVEMBRE 2025 Contributo retta Ospite A.V.G. mese NOVEMBRE 2025</t>
  </si>
  <si>
    <t>Trasporti andata e ritorno C.D.I. Agosto - Novembre 2024</t>
  </si>
  <si>
    <t>CONFEZIONAMENTO PASTI AGOSTO 2025</t>
  </si>
  <si>
    <t>CONFEZIONAMENTO PASTI SETTEMBRE 2025</t>
  </si>
  <si>
    <t>CONFEZIONAMENTO PASTI OTTOBRE 2025</t>
  </si>
  <si>
    <t>CONFEZIONAMENTO PASTI NOVEMBRE 2025</t>
  </si>
  <si>
    <t>Determinazione n. 32 del 30/04/2024 Contributo mese di Dicembre 2024 Sig. B. F.</t>
  </si>
  <si>
    <t>Determina n. 11 del 25/01/2024 Contributo retta mese Novembre 2024</t>
  </si>
  <si>
    <t>Determina n. 11 del 25/01/2024 Contributo retta mese Dicembre 2024</t>
  </si>
  <si>
    <t>Determina n. 7 del 22/01/2025 Contributo retta mese Gennaio 2025</t>
  </si>
  <si>
    <t>Determina n. 7 del 22/01/2025 Contributo retta mese Febbraio 2025</t>
  </si>
  <si>
    <t>Determina n. 7 del 22/01/2025 Contributo retta mese Aprile 2025</t>
  </si>
  <si>
    <t>Determina n. 7 del 22/01/2025 Contributo retta mese Marzo 2025</t>
  </si>
  <si>
    <t>Determina n. 7 del 22/01/2025 Contributo retta mese Maggio 2025</t>
  </si>
  <si>
    <t>Determina n. 7 del 22/01/2025 Contributo retta mese GIUGNO 2025</t>
  </si>
  <si>
    <t>Determina n. 7 del 22/01/2025 Contributo retta Ospite M.S. mese LUGLIO 2025</t>
  </si>
  <si>
    <t>Determina n. 7 del 22/01/2025 Contributo retta Ospite M.S. mese agosto 2025</t>
  </si>
  <si>
    <t>Determina n. 7 del 22/01/2025 Contributo retta Ospite M.S. mese SETTEBRE 2025</t>
  </si>
  <si>
    <t>Determina n. 7 del 22/01/2025 Contributo retta Ospite M.S. mese OTTOBRE 2025</t>
  </si>
  <si>
    <t>Determina n. 7 del 22/01/2025 Contributo retta Ospite M.S. mese NOVEMBRE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>
    <font>
      <sz val="11"/>
      <color theme="1"/>
      <name val="Calibri"/>
      <family val="2"/>
      <scheme val="minor"/>
    </font>
    <font>
      <sz val="24"/>
      <color rgb="FF333333"/>
      <name val="Playfair Display"/>
    </font>
    <font>
      <sz val="18"/>
      <color rgb="FF333333"/>
      <name val="Playfair Display"/>
    </font>
    <font>
      <b/>
      <sz val="12"/>
      <color rgb="FF333333"/>
      <name val="Source Sans Pro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49" fontId="0" fillId="0" borderId="0" xfId="0" applyNumberFormat="1" applyAlignment="1">
      <alignment vertical="top" wrapText="1"/>
    </xf>
    <xf numFmtId="0" fontId="3" fillId="0" borderId="0" xfId="0" applyFont="1" applyAlignment="1">
      <alignment horizontal="center" vertical="center" wrapText="1"/>
    </xf>
    <xf numFmtId="14" fontId="0" fillId="0" borderId="0" xfId="0" applyNumberFormat="1" applyAlignment="1">
      <alignment vertical="top" wrapText="1"/>
    </xf>
    <xf numFmtId="14" fontId="3" fillId="0" borderId="0" xfId="0" applyNumberFormat="1" applyFont="1" applyAlignment="1">
      <alignment horizontal="center" vertical="center" wrapText="1"/>
    </xf>
    <xf numFmtId="4" fontId="0" fillId="0" borderId="0" xfId="0" applyNumberFormat="1" applyAlignment="1">
      <alignment horizontal="right" vertical="top" wrapText="1"/>
    </xf>
    <xf numFmtId="4" fontId="3" fillId="0" borderId="0" xfId="0" applyNumberFormat="1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</cellXfs>
  <cellStyles count="1">
    <cellStyle name="Normale" xfId="0" builtinId="0"/>
  </cellStyles>
  <dxfs count="7">
    <dxf>
      <numFmt numFmtId="30" formatCode="@"/>
      <alignment vertical="top" textRotation="0" wrapText="1" indent="0" justifyLastLine="0" shrinkToFit="0" readingOrder="0"/>
    </dxf>
    <dxf>
      <numFmt numFmtId="19" formatCode="dd/mm/yyyy"/>
      <alignment vertical="top" textRotation="0" wrapText="1" indent="0" justifyLastLine="0" shrinkToFit="0" readingOrder="0"/>
    </dxf>
    <dxf>
      <numFmt numFmtId="4" formatCode="#,##0.00"/>
      <alignment horizontal="right" vertical="top" textRotation="0" wrapText="1" indent="0" justifyLastLine="0" shrinkToFit="0" readingOrder="0"/>
    </dxf>
    <dxf>
      <numFmt numFmtId="30" formatCode="@"/>
      <alignment vertical="top" textRotation="0" wrapText="1" indent="0" justifyLastLine="0" shrinkToFit="0" readingOrder="0"/>
    </dxf>
    <dxf>
      <numFmt numFmtId="30" formatCode="@"/>
      <alignment vertical="top" textRotation="0" wrapText="1" indent="0" justifyLastLine="0" shrinkToFit="0" readingOrder="0"/>
    </dxf>
    <dxf>
      <numFmt numFmtId="30" formatCode="@"/>
      <alignment vertical="top" textRotation="0" wrapText="1" indent="0" justifyLastLine="0" shrinkToFit="0" readingOrder="0"/>
    </dxf>
    <dxf>
      <numFmt numFmtId="30" formatCode="@"/>
      <alignment vertical="top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1" name="Tabella3" displayName="Tabella3" ref="A6:E181" totalsRowShown="0" headerRowDxfId="6" dataDxfId="5">
  <autoFilter ref="A6:E181"/>
  <tableColumns count="5">
    <tableColumn id="1" name="Soggetto Erogante" dataDxfId="4"/>
    <tableColumn id="2" name="Unità d’Offerta" dataDxfId="3"/>
    <tableColumn id="3" name="Somma incassata" dataDxfId="2"/>
    <tableColumn id="4" name="Data di incasso" dataDxfId="1"/>
    <tableColumn id="5" name="Causale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81"/>
  <sheetViews>
    <sheetView tabSelected="1" workbookViewId="0">
      <selection sqref="A1:E1"/>
    </sheetView>
  </sheetViews>
  <sheetFormatPr defaultRowHeight="15"/>
  <cols>
    <col min="1" max="1" width="53.42578125" style="1" bestFit="1" customWidth="1"/>
    <col min="2" max="2" width="19" style="1" bestFit="1" customWidth="1"/>
    <col min="3" max="3" width="18.42578125" style="5" bestFit="1" customWidth="1"/>
    <col min="4" max="4" width="11.7109375" style="3" customWidth="1"/>
    <col min="5" max="5" width="50.7109375" style="1" customWidth="1"/>
    <col min="6" max="16384" width="9.140625" style="1"/>
  </cols>
  <sheetData>
    <row r="1" spans="1:5" ht="30">
      <c r="A1" s="7" t="s">
        <v>12</v>
      </c>
      <c r="B1" s="7"/>
      <c r="C1" s="7"/>
      <c r="D1" s="7"/>
      <c r="E1" s="7"/>
    </row>
    <row r="2" spans="1:5" ht="23.25">
      <c r="A2" s="8" t="s">
        <v>28</v>
      </c>
      <c r="B2" s="8"/>
      <c r="C2" s="8"/>
      <c r="D2" s="8"/>
      <c r="E2" s="8"/>
    </row>
    <row r="3" spans="1:5" ht="15.75">
      <c r="A3" s="9" t="s">
        <v>13</v>
      </c>
      <c r="B3" s="9"/>
      <c r="C3" s="9"/>
      <c r="D3" s="9"/>
      <c r="E3" s="9"/>
    </row>
    <row r="4" spans="1:5" ht="15.75">
      <c r="A4" s="9" t="s">
        <v>14</v>
      </c>
      <c r="B4" s="9"/>
      <c r="C4" s="9"/>
      <c r="D4" s="9"/>
      <c r="E4" s="9"/>
    </row>
    <row r="5" spans="1:5" ht="29.25" customHeight="1">
      <c r="A5" s="2"/>
      <c r="B5" s="2"/>
      <c r="C5" s="6"/>
      <c r="D5" s="4"/>
      <c r="E5" s="2"/>
    </row>
    <row r="6" spans="1:5" ht="30">
      <c r="A6" s="1" t="s">
        <v>0</v>
      </c>
      <c r="B6" s="1" t="s">
        <v>1</v>
      </c>
      <c r="C6" s="5" t="s">
        <v>2</v>
      </c>
      <c r="D6" s="3" t="s">
        <v>3</v>
      </c>
      <c r="E6" s="1" t="s">
        <v>4</v>
      </c>
    </row>
    <row r="7" spans="1:5" ht="30">
      <c r="A7" s="1" t="s">
        <v>5</v>
      </c>
      <c r="B7" s="1" t="s">
        <v>6</v>
      </c>
      <c r="C7" s="5">
        <v>1618.5</v>
      </c>
      <c r="D7" s="3">
        <v>45754</v>
      </c>
      <c r="E7" s="1" t="s">
        <v>29</v>
      </c>
    </row>
    <row r="8" spans="1:5">
      <c r="A8" s="1" t="s">
        <v>5</v>
      </c>
      <c r="B8" s="1" t="s">
        <v>6</v>
      </c>
      <c r="C8" s="5">
        <v>455</v>
      </c>
      <c r="D8" s="3">
        <v>45905</v>
      </c>
      <c r="E8" s="1" t="s">
        <v>30</v>
      </c>
    </row>
    <row r="9" spans="1:5">
      <c r="A9" s="1" t="s">
        <v>5</v>
      </c>
      <c r="B9" s="1" t="s">
        <v>6</v>
      </c>
      <c r="C9" s="5">
        <v>422.5</v>
      </c>
      <c r="D9" s="3">
        <v>45905</v>
      </c>
      <c r="E9" s="1" t="s">
        <v>31</v>
      </c>
    </row>
    <row r="10" spans="1:5">
      <c r="A10" s="1" t="s">
        <v>5</v>
      </c>
      <c r="B10" s="1" t="s">
        <v>6</v>
      </c>
      <c r="C10" s="5">
        <v>507</v>
      </c>
      <c r="D10" s="3">
        <v>45905</v>
      </c>
      <c r="E10" s="1" t="s">
        <v>32</v>
      </c>
    </row>
    <row r="11" spans="1:5">
      <c r="A11" s="1" t="s">
        <v>5</v>
      </c>
      <c r="B11" s="1" t="s">
        <v>6</v>
      </c>
      <c r="C11" s="5">
        <v>598</v>
      </c>
      <c r="D11" s="3">
        <v>45905</v>
      </c>
      <c r="E11" s="1" t="s">
        <v>33</v>
      </c>
    </row>
    <row r="12" spans="1:5">
      <c r="A12" s="1" t="s">
        <v>5</v>
      </c>
      <c r="B12" s="1" t="s">
        <v>6</v>
      </c>
      <c r="C12" s="5">
        <v>494</v>
      </c>
      <c r="D12" s="3">
        <v>45905</v>
      </c>
      <c r="E12" s="1" t="s">
        <v>34</v>
      </c>
    </row>
    <row r="13" spans="1:5">
      <c r="A13" s="1" t="s">
        <v>5</v>
      </c>
      <c r="B13" s="1" t="s">
        <v>6</v>
      </c>
      <c r="C13" s="5">
        <v>474.5</v>
      </c>
      <c r="D13" s="3">
        <v>45952</v>
      </c>
      <c r="E13" s="1" t="s">
        <v>35</v>
      </c>
    </row>
    <row r="14" spans="1:5">
      <c r="A14" s="1" t="s">
        <v>5</v>
      </c>
      <c r="B14" s="1" t="s">
        <v>6</v>
      </c>
      <c r="C14" s="5">
        <v>552.5</v>
      </c>
      <c r="D14" s="3">
        <v>45952</v>
      </c>
      <c r="E14" s="1" t="s">
        <v>36</v>
      </c>
    </row>
    <row r="15" spans="1:5">
      <c r="A15" s="1" t="s">
        <v>5</v>
      </c>
      <c r="B15" s="1" t="s">
        <v>6</v>
      </c>
      <c r="C15" s="5">
        <v>422.5</v>
      </c>
      <c r="D15" s="3">
        <v>46000</v>
      </c>
      <c r="E15" s="1" t="s">
        <v>37</v>
      </c>
    </row>
    <row r="16" spans="1:5" ht="45">
      <c r="A16" s="1" t="s">
        <v>5</v>
      </c>
      <c r="B16" s="1" t="s">
        <v>16</v>
      </c>
      <c r="C16" s="5">
        <v>30</v>
      </c>
      <c r="D16" s="3">
        <v>45987</v>
      </c>
      <c r="E16" s="1" t="s">
        <v>38</v>
      </c>
    </row>
    <row r="17" spans="1:5" ht="45">
      <c r="A17" s="1" t="s">
        <v>5</v>
      </c>
      <c r="B17" s="1" t="s">
        <v>16</v>
      </c>
      <c r="C17" s="5">
        <v>30</v>
      </c>
      <c r="D17" s="3">
        <v>45987</v>
      </c>
      <c r="E17" s="1" t="s">
        <v>39</v>
      </c>
    </row>
    <row r="18" spans="1:5">
      <c r="A18" s="1" t="s">
        <v>7</v>
      </c>
      <c r="B18" s="1" t="s">
        <v>25</v>
      </c>
      <c r="C18" s="5">
        <v>5356.59</v>
      </c>
      <c r="D18" s="3">
        <v>45681</v>
      </c>
      <c r="E18" s="1" t="s">
        <v>40</v>
      </c>
    </row>
    <row r="19" spans="1:5">
      <c r="A19" s="1" t="s">
        <v>7</v>
      </c>
      <c r="B19" s="1" t="s">
        <v>25</v>
      </c>
      <c r="C19" s="5">
        <v>5356.59</v>
      </c>
      <c r="D19" s="3">
        <v>45713</v>
      </c>
      <c r="E19" s="1" t="s">
        <v>41</v>
      </c>
    </row>
    <row r="20" spans="1:5">
      <c r="A20" s="1" t="s">
        <v>7</v>
      </c>
      <c r="B20" s="1" t="s">
        <v>25</v>
      </c>
      <c r="C20" s="5">
        <v>5356.59</v>
      </c>
      <c r="D20" s="3">
        <v>45741</v>
      </c>
      <c r="E20" s="1" t="s">
        <v>42</v>
      </c>
    </row>
    <row r="21" spans="1:5">
      <c r="A21" s="1" t="s">
        <v>7</v>
      </c>
      <c r="B21" s="1" t="s">
        <v>25</v>
      </c>
      <c r="C21" s="5">
        <v>5356.59</v>
      </c>
      <c r="D21" s="3">
        <v>45771</v>
      </c>
      <c r="E21" s="1" t="s">
        <v>43</v>
      </c>
    </row>
    <row r="22" spans="1:5">
      <c r="A22" s="1" t="s">
        <v>7</v>
      </c>
      <c r="B22" s="1" t="s">
        <v>25</v>
      </c>
      <c r="C22" s="5">
        <v>5356.59</v>
      </c>
      <c r="D22" s="3">
        <v>45800</v>
      </c>
      <c r="E22" s="1" t="s">
        <v>44</v>
      </c>
    </row>
    <row r="23" spans="1:5">
      <c r="A23" s="1" t="s">
        <v>7</v>
      </c>
      <c r="B23" s="1" t="s">
        <v>25</v>
      </c>
      <c r="C23" s="5">
        <v>5356.59</v>
      </c>
      <c r="D23" s="3">
        <v>45833</v>
      </c>
      <c r="E23" s="1" t="s">
        <v>45</v>
      </c>
    </row>
    <row r="24" spans="1:5">
      <c r="A24" s="1" t="s">
        <v>7</v>
      </c>
      <c r="B24" s="1" t="s">
        <v>25</v>
      </c>
      <c r="C24" s="5">
        <v>2600.14</v>
      </c>
      <c r="D24" s="3">
        <v>45860</v>
      </c>
      <c r="E24" s="1" t="s">
        <v>46</v>
      </c>
    </row>
    <row r="25" spans="1:5">
      <c r="A25" s="1" t="s">
        <v>7</v>
      </c>
      <c r="B25" s="1" t="s">
        <v>25</v>
      </c>
      <c r="C25" s="5">
        <v>5606.56</v>
      </c>
      <c r="D25" s="3">
        <v>45863</v>
      </c>
      <c r="E25" s="1" t="s">
        <v>47</v>
      </c>
    </row>
    <row r="26" spans="1:5" ht="30">
      <c r="A26" s="1" t="s">
        <v>7</v>
      </c>
      <c r="B26" s="1" t="s">
        <v>25</v>
      </c>
      <c r="C26" s="5">
        <v>-3780.25</v>
      </c>
      <c r="D26" s="3">
        <v>45867</v>
      </c>
      <c r="E26" s="1" t="s">
        <v>48</v>
      </c>
    </row>
    <row r="27" spans="1:5">
      <c r="A27" s="1" t="s">
        <v>7</v>
      </c>
      <c r="B27" s="1" t="s">
        <v>25</v>
      </c>
      <c r="C27" s="5">
        <v>5392.3</v>
      </c>
      <c r="D27" s="3">
        <v>45894</v>
      </c>
      <c r="E27" s="1" t="s">
        <v>49</v>
      </c>
    </row>
    <row r="28" spans="1:5">
      <c r="A28" s="1" t="s">
        <v>7</v>
      </c>
      <c r="B28" s="1" t="s">
        <v>25</v>
      </c>
      <c r="C28" s="5">
        <v>5392.3</v>
      </c>
      <c r="D28" s="3">
        <v>45925</v>
      </c>
      <c r="E28" s="1" t="s">
        <v>50</v>
      </c>
    </row>
    <row r="29" spans="1:5">
      <c r="A29" s="1" t="s">
        <v>7</v>
      </c>
      <c r="B29" s="1" t="s">
        <v>25</v>
      </c>
      <c r="C29" s="5">
        <v>5660.2</v>
      </c>
      <c r="D29" s="3">
        <v>45954</v>
      </c>
      <c r="E29" s="1" t="s">
        <v>51</v>
      </c>
    </row>
    <row r="30" spans="1:5">
      <c r="A30" s="1" t="s">
        <v>7</v>
      </c>
      <c r="B30" s="1" t="s">
        <v>25</v>
      </c>
      <c r="C30" s="5">
        <v>5419.09</v>
      </c>
      <c r="D30" s="3">
        <v>45986</v>
      </c>
      <c r="E30" s="1" t="s">
        <v>52</v>
      </c>
    </row>
    <row r="31" spans="1:5">
      <c r="A31" s="1" t="s">
        <v>7</v>
      </c>
      <c r="B31" s="1" t="s">
        <v>25</v>
      </c>
      <c r="C31" s="5">
        <v>5419.09</v>
      </c>
      <c r="D31" s="3">
        <v>46013</v>
      </c>
      <c r="E31" s="1" t="s">
        <v>53</v>
      </c>
    </row>
    <row r="32" spans="1:5">
      <c r="A32" s="1" t="s">
        <v>7</v>
      </c>
      <c r="B32" s="1" t="s">
        <v>18</v>
      </c>
      <c r="C32" s="5">
        <v>14712.13</v>
      </c>
      <c r="D32" s="3">
        <v>45681</v>
      </c>
      <c r="E32" s="1" t="s">
        <v>54</v>
      </c>
    </row>
    <row r="33" spans="1:5">
      <c r="A33" s="1" t="s">
        <v>7</v>
      </c>
      <c r="B33" s="1" t="s">
        <v>18</v>
      </c>
      <c r="C33" s="5">
        <v>14712.13</v>
      </c>
      <c r="D33" s="3">
        <v>45713</v>
      </c>
      <c r="E33" s="1" t="s">
        <v>55</v>
      </c>
    </row>
    <row r="34" spans="1:5">
      <c r="A34" s="1" t="s">
        <v>7</v>
      </c>
      <c r="B34" s="1" t="s">
        <v>18</v>
      </c>
      <c r="C34" s="5">
        <v>14712.13</v>
      </c>
      <c r="D34" s="3">
        <v>45741</v>
      </c>
      <c r="E34" s="1" t="s">
        <v>56</v>
      </c>
    </row>
    <row r="35" spans="1:5">
      <c r="A35" s="1" t="s">
        <v>7</v>
      </c>
      <c r="B35" s="1" t="s">
        <v>18</v>
      </c>
      <c r="C35" s="5">
        <v>14712.13</v>
      </c>
      <c r="D35" s="3">
        <v>45771</v>
      </c>
      <c r="E35" s="1" t="s">
        <v>57</v>
      </c>
    </row>
    <row r="36" spans="1:5">
      <c r="A36" s="1" t="s">
        <v>7</v>
      </c>
      <c r="B36" s="1" t="s">
        <v>18</v>
      </c>
      <c r="C36" s="5">
        <v>14712.13</v>
      </c>
      <c r="D36" s="3">
        <v>45800</v>
      </c>
      <c r="E36" s="1" t="s">
        <v>58</v>
      </c>
    </row>
    <row r="37" spans="1:5">
      <c r="A37" s="1" t="s">
        <v>7</v>
      </c>
      <c r="B37" s="1" t="s">
        <v>18</v>
      </c>
      <c r="C37" s="5">
        <v>14712.13</v>
      </c>
      <c r="D37" s="3">
        <v>45833</v>
      </c>
      <c r="E37" s="1" t="s">
        <v>59</v>
      </c>
    </row>
    <row r="38" spans="1:5">
      <c r="A38" s="1" t="s">
        <v>7</v>
      </c>
      <c r="B38" s="1" t="s">
        <v>18</v>
      </c>
      <c r="C38" s="5">
        <v>-6019.84</v>
      </c>
      <c r="D38" s="3">
        <v>45854</v>
      </c>
      <c r="E38" s="1" t="s">
        <v>60</v>
      </c>
    </row>
    <row r="39" spans="1:5">
      <c r="A39" s="1" t="s">
        <v>7</v>
      </c>
      <c r="B39" s="1" t="s">
        <v>18</v>
      </c>
      <c r="C39" s="5">
        <v>2632.65</v>
      </c>
      <c r="D39" s="3">
        <v>45863</v>
      </c>
      <c r="E39" s="1" t="s">
        <v>61</v>
      </c>
    </row>
    <row r="40" spans="1:5">
      <c r="A40" s="1" t="s">
        <v>7</v>
      </c>
      <c r="B40" s="1" t="s">
        <v>18</v>
      </c>
      <c r="C40" s="5">
        <v>12986.49</v>
      </c>
      <c r="D40" s="3">
        <v>45894</v>
      </c>
      <c r="E40" s="1" t="s">
        <v>62</v>
      </c>
    </row>
    <row r="41" spans="1:5">
      <c r="A41" s="1" t="s">
        <v>7</v>
      </c>
      <c r="B41" s="1" t="s">
        <v>18</v>
      </c>
      <c r="C41" s="5">
        <v>12986.49</v>
      </c>
      <c r="D41" s="3">
        <v>45925</v>
      </c>
      <c r="E41" s="1" t="s">
        <v>63</v>
      </c>
    </row>
    <row r="42" spans="1:5">
      <c r="A42" s="1" t="s">
        <v>7</v>
      </c>
      <c r="B42" s="1" t="s">
        <v>18</v>
      </c>
      <c r="C42" s="5">
        <v>15046.19</v>
      </c>
      <c r="D42" s="3">
        <v>45954</v>
      </c>
      <c r="E42" s="1" t="s">
        <v>64</v>
      </c>
    </row>
    <row r="43" spans="1:5">
      <c r="A43" s="1" t="s">
        <v>7</v>
      </c>
      <c r="B43" s="1" t="s">
        <v>18</v>
      </c>
      <c r="C43" s="5">
        <v>13192.46</v>
      </c>
      <c r="D43" s="3">
        <v>45986</v>
      </c>
      <c r="E43" s="1" t="s">
        <v>65</v>
      </c>
    </row>
    <row r="44" spans="1:5">
      <c r="A44" s="1" t="s">
        <v>7</v>
      </c>
      <c r="B44" s="1" t="s">
        <v>18</v>
      </c>
      <c r="C44" s="5">
        <v>13192.46</v>
      </c>
      <c r="D44" s="3">
        <v>46013</v>
      </c>
      <c r="E44" s="1" t="s">
        <v>66</v>
      </c>
    </row>
    <row r="45" spans="1:5">
      <c r="A45" s="1" t="s">
        <v>7</v>
      </c>
      <c r="B45" s="1" t="s">
        <v>17</v>
      </c>
      <c r="C45" s="5">
        <v>395841.3</v>
      </c>
      <c r="D45" s="3">
        <v>45681</v>
      </c>
      <c r="E45" s="1" t="s">
        <v>67</v>
      </c>
    </row>
    <row r="46" spans="1:5">
      <c r="A46" s="1" t="s">
        <v>7</v>
      </c>
      <c r="B46" s="1" t="s">
        <v>17</v>
      </c>
      <c r="C46" s="5">
        <v>418851.26</v>
      </c>
      <c r="D46" s="3">
        <v>45713</v>
      </c>
      <c r="E46" s="1" t="s">
        <v>68</v>
      </c>
    </row>
    <row r="47" spans="1:5">
      <c r="A47" s="1" t="s">
        <v>7</v>
      </c>
      <c r="B47" s="1" t="s">
        <v>17</v>
      </c>
      <c r="C47" s="5">
        <v>407346.28</v>
      </c>
      <c r="D47" s="3">
        <v>45741</v>
      </c>
      <c r="E47" s="1" t="s">
        <v>69</v>
      </c>
    </row>
    <row r="48" spans="1:5">
      <c r="A48" s="1" t="s">
        <v>7</v>
      </c>
      <c r="B48" s="1" t="s">
        <v>17</v>
      </c>
      <c r="C48" s="5">
        <v>407346.28</v>
      </c>
      <c r="D48" s="3">
        <v>45771</v>
      </c>
      <c r="E48" s="1" t="s">
        <v>70</v>
      </c>
    </row>
    <row r="49" spans="1:5">
      <c r="A49" s="1" t="s">
        <v>7</v>
      </c>
      <c r="B49" s="1" t="s">
        <v>17</v>
      </c>
      <c r="C49" s="5">
        <v>407346.28</v>
      </c>
      <c r="D49" s="3">
        <v>45800</v>
      </c>
      <c r="E49" s="1" t="s">
        <v>71</v>
      </c>
    </row>
    <row r="50" spans="1:5">
      <c r="A50" s="1" t="s">
        <v>7</v>
      </c>
      <c r="B50" s="1" t="s">
        <v>17</v>
      </c>
      <c r="C50" s="5">
        <v>407346.28</v>
      </c>
      <c r="D50" s="3">
        <v>45833</v>
      </c>
      <c r="E50" s="1" t="s">
        <v>72</v>
      </c>
    </row>
    <row r="51" spans="1:5">
      <c r="A51" s="1" t="s">
        <v>7</v>
      </c>
      <c r="B51" s="1" t="s">
        <v>17</v>
      </c>
      <c r="C51" s="5">
        <v>505034.95</v>
      </c>
      <c r="D51" s="3">
        <v>45854</v>
      </c>
      <c r="E51" s="1" t="s">
        <v>73</v>
      </c>
    </row>
    <row r="52" spans="1:5">
      <c r="A52" s="1" t="s">
        <v>7</v>
      </c>
      <c r="B52" s="1" t="s">
        <v>17</v>
      </c>
      <c r="C52" s="5">
        <v>478595.71</v>
      </c>
      <c r="D52" s="3">
        <v>45863</v>
      </c>
      <c r="E52" s="1" t="s">
        <v>74</v>
      </c>
    </row>
    <row r="53" spans="1:5">
      <c r="A53" s="1" t="s">
        <v>7</v>
      </c>
      <c r="B53" s="1" t="s">
        <v>17</v>
      </c>
      <c r="C53" s="5">
        <v>417524.77</v>
      </c>
      <c r="D53" s="3">
        <v>45894</v>
      </c>
      <c r="E53" s="1" t="s">
        <v>75</v>
      </c>
    </row>
    <row r="54" spans="1:5">
      <c r="A54" s="1" t="s">
        <v>7</v>
      </c>
      <c r="B54" s="1" t="s">
        <v>17</v>
      </c>
      <c r="C54" s="5">
        <v>417524.77</v>
      </c>
      <c r="D54" s="3">
        <v>45925</v>
      </c>
      <c r="E54" s="1" t="s">
        <v>76</v>
      </c>
    </row>
    <row r="55" spans="1:5">
      <c r="A55" s="1" t="s">
        <v>7</v>
      </c>
      <c r="B55" s="1" t="s">
        <v>17</v>
      </c>
      <c r="C55" s="5">
        <v>507140.97</v>
      </c>
      <c r="D55" s="3">
        <v>45954</v>
      </c>
      <c r="E55" s="1" t="s">
        <v>77</v>
      </c>
    </row>
    <row r="56" spans="1:5">
      <c r="A56" s="1" t="s">
        <v>7</v>
      </c>
      <c r="B56" s="1" t="s">
        <v>17</v>
      </c>
      <c r="C56" s="5">
        <v>426486.39</v>
      </c>
      <c r="D56" s="3">
        <v>45986</v>
      </c>
      <c r="E56" s="1" t="s">
        <v>78</v>
      </c>
    </row>
    <row r="57" spans="1:5">
      <c r="A57" s="1" t="s">
        <v>7</v>
      </c>
      <c r="B57" s="1" t="s">
        <v>17</v>
      </c>
      <c r="C57" s="5">
        <v>426486.39</v>
      </c>
      <c r="D57" s="3">
        <v>46013</v>
      </c>
      <c r="E57" s="1" t="s">
        <v>79</v>
      </c>
    </row>
    <row r="58" spans="1:5">
      <c r="A58" s="1" t="s">
        <v>7</v>
      </c>
      <c r="B58" s="1" t="s">
        <v>19</v>
      </c>
      <c r="C58" s="5">
        <v>14092</v>
      </c>
      <c r="D58" s="3">
        <v>45824</v>
      </c>
      <c r="E58" s="1" t="s">
        <v>80</v>
      </c>
    </row>
    <row r="59" spans="1:5">
      <c r="A59" s="1" t="s">
        <v>7</v>
      </c>
      <c r="B59" s="1" t="s">
        <v>19</v>
      </c>
      <c r="C59" s="5">
        <v>15630</v>
      </c>
      <c r="D59" s="3">
        <v>45860</v>
      </c>
      <c r="E59" s="1" t="s">
        <v>81</v>
      </c>
    </row>
    <row r="60" spans="1:5">
      <c r="A60" s="1" t="s">
        <v>7</v>
      </c>
      <c r="B60" s="1" t="s">
        <v>19</v>
      </c>
      <c r="C60" s="5">
        <v>13134</v>
      </c>
      <c r="D60" s="3">
        <v>45940</v>
      </c>
      <c r="E60" s="1" t="s">
        <v>82</v>
      </c>
    </row>
    <row r="61" spans="1:5">
      <c r="A61" s="1" t="s">
        <v>7</v>
      </c>
      <c r="B61" s="1" t="s">
        <v>19</v>
      </c>
      <c r="C61" s="5">
        <v>10296</v>
      </c>
      <c r="D61" s="3">
        <v>46015</v>
      </c>
      <c r="E61" s="1" t="s">
        <v>83</v>
      </c>
    </row>
    <row r="62" spans="1:5" ht="45">
      <c r="A62" s="1" t="s">
        <v>8</v>
      </c>
      <c r="B62" s="1" t="s">
        <v>17</v>
      </c>
      <c r="C62" s="5">
        <v>857.5</v>
      </c>
      <c r="D62" s="3">
        <v>45686</v>
      </c>
      <c r="E62" s="1" t="s">
        <v>84</v>
      </c>
    </row>
    <row r="63" spans="1:5" ht="45">
      <c r="A63" s="1" t="s">
        <v>8</v>
      </c>
      <c r="B63" s="1" t="s">
        <v>17</v>
      </c>
      <c r="C63" s="5">
        <v>857.5</v>
      </c>
      <c r="D63" s="3">
        <v>45688</v>
      </c>
      <c r="E63" s="1" t="s">
        <v>85</v>
      </c>
    </row>
    <row r="64" spans="1:5" ht="45">
      <c r="A64" s="1" t="s">
        <v>8</v>
      </c>
      <c r="B64" s="1" t="s">
        <v>17</v>
      </c>
      <c r="C64" s="5">
        <v>1740</v>
      </c>
      <c r="D64" s="3">
        <v>45812</v>
      </c>
      <c r="E64" s="1" t="s">
        <v>86</v>
      </c>
    </row>
    <row r="65" spans="1:5" ht="30">
      <c r="A65" s="1" t="s">
        <v>8</v>
      </c>
      <c r="B65" s="1" t="s">
        <v>17</v>
      </c>
      <c r="C65" s="5">
        <v>597.34</v>
      </c>
      <c r="D65" s="3">
        <v>45828</v>
      </c>
      <c r="E65" s="1" t="s">
        <v>87</v>
      </c>
    </row>
    <row r="66" spans="1:5" ht="30">
      <c r="A66" s="1" t="s">
        <v>8</v>
      </c>
      <c r="B66" s="1" t="s">
        <v>17</v>
      </c>
      <c r="C66" s="5">
        <v>578.07000000000005</v>
      </c>
      <c r="D66" s="3">
        <v>45887</v>
      </c>
      <c r="E66" s="1" t="s">
        <v>88</v>
      </c>
    </row>
    <row r="67" spans="1:5" ht="30">
      <c r="A67" s="1" t="s">
        <v>8</v>
      </c>
      <c r="B67" s="1" t="s">
        <v>17</v>
      </c>
      <c r="C67" s="5">
        <v>597.34</v>
      </c>
      <c r="D67" s="3">
        <v>45902</v>
      </c>
      <c r="E67" s="1" t="s">
        <v>89</v>
      </c>
    </row>
    <row r="68" spans="1:5" ht="30">
      <c r="A68" s="1" t="s">
        <v>8</v>
      </c>
      <c r="B68" s="1" t="s">
        <v>17</v>
      </c>
      <c r="C68" s="5">
        <v>597.34</v>
      </c>
      <c r="D68" s="3">
        <v>45937</v>
      </c>
      <c r="E68" s="1" t="s">
        <v>90</v>
      </c>
    </row>
    <row r="69" spans="1:5" ht="30">
      <c r="A69" s="1" t="s">
        <v>8</v>
      </c>
      <c r="B69" s="1" t="s">
        <v>17</v>
      </c>
      <c r="C69" s="5">
        <v>578.1</v>
      </c>
      <c r="D69" s="3">
        <v>45964</v>
      </c>
      <c r="E69" s="1" t="s">
        <v>91</v>
      </c>
    </row>
    <row r="70" spans="1:5" ht="30">
      <c r="A70" s="1" t="s">
        <v>8</v>
      </c>
      <c r="B70" s="1" t="s">
        <v>17</v>
      </c>
      <c r="C70" s="5">
        <v>597.37</v>
      </c>
      <c r="D70" s="3">
        <v>45972</v>
      </c>
      <c r="E70" s="1" t="s">
        <v>92</v>
      </c>
    </row>
    <row r="71" spans="1:5" ht="30">
      <c r="A71" s="1" t="s">
        <v>8</v>
      </c>
      <c r="B71" s="1" t="s">
        <v>17</v>
      </c>
      <c r="C71" s="5">
        <v>578.1</v>
      </c>
      <c r="D71" s="3">
        <v>46010</v>
      </c>
      <c r="E71" s="1" t="s">
        <v>93</v>
      </c>
    </row>
    <row r="72" spans="1:5" ht="30">
      <c r="A72" s="1" t="s">
        <v>20</v>
      </c>
      <c r="B72" s="1" t="s">
        <v>17</v>
      </c>
      <c r="C72" s="5">
        <v>82.03</v>
      </c>
      <c r="D72" s="3">
        <v>45677</v>
      </c>
      <c r="E72" s="1" t="s">
        <v>94</v>
      </c>
    </row>
    <row r="73" spans="1:5" ht="30">
      <c r="A73" s="1" t="s">
        <v>20</v>
      </c>
      <c r="B73" s="1" t="s">
        <v>17</v>
      </c>
      <c r="C73" s="5">
        <v>82.03</v>
      </c>
      <c r="D73" s="3">
        <v>45698</v>
      </c>
      <c r="E73" s="1" t="s">
        <v>95</v>
      </c>
    </row>
    <row r="74" spans="1:5" ht="30">
      <c r="A74" s="1" t="s">
        <v>20</v>
      </c>
      <c r="B74" s="1" t="s">
        <v>17</v>
      </c>
      <c r="C74" s="5">
        <v>140.37</v>
      </c>
      <c r="D74" s="3">
        <v>45733</v>
      </c>
      <c r="E74" s="1" t="s">
        <v>96</v>
      </c>
    </row>
    <row r="75" spans="1:5" ht="30">
      <c r="A75" s="1" t="s">
        <v>20</v>
      </c>
      <c r="B75" s="1" t="s">
        <v>17</v>
      </c>
      <c r="C75" s="5">
        <v>140.37</v>
      </c>
      <c r="D75" s="3">
        <v>45769</v>
      </c>
      <c r="E75" s="1" t="s">
        <v>97</v>
      </c>
    </row>
    <row r="76" spans="1:5" ht="30">
      <c r="A76" s="1" t="s">
        <v>20</v>
      </c>
      <c r="B76" s="1" t="s">
        <v>17</v>
      </c>
      <c r="C76" s="5">
        <v>140.37</v>
      </c>
      <c r="D76" s="3">
        <v>45789</v>
      </c>
      <c r="E76" s="1" t="s">
        <v>98</v>
      </c>
    </row>
    <row r="77" spans="1:5" ht="30">
      <c r="A77" s="1" t="s">
        <v>20</v>
      </c>
      <c r="B77" s="1" t="s">
        <v>17</v>
      </c>
      <c r="C77" s="5">
        <v>188.98</v>
      </c>
      <c r="D77" s="3">
        <v>45826</v>
      </c>
      <c r="E77" s="1" t="s">
        <v>99</v>
      </c>
    </row>
    <row r="78" spans="1:5" ht="30">
      <c r="A78" s="1" t="s">
        <v>20</v>
      </c>
      <c r="B78" s="1" t="s">
        <v>17</v>
      </c>
      <c r="C78" s="5">
        <v>188.98</v>
      </c>
      <c r="D78" s="3">
        <v>45845</v>
      </c>
      <c r="E78" s="1" t="s">
        <v>100</v>
      </c>
    </row>
    <row r="79" spans="1:5" ht="30">
      <c r="A79" s="1" t="s">
        <v>20</v>
      </c>
      <c r="B79" s="1" t="s">
        <v>17</v>
      </c>
      <c r="C79" s="5">
        <v>188.98</v>
      </c>
      <c r="D79" s="3">
        <v>45875</v>
      </c>
      <c r="E79" s="1" t="s">
        <v>101</v>
      </c>
    </row>
    <row r="80" spans="1:5" ht="45">
      <c r="A80" s="1" t="s">
        <v>20</v>
      </c>
      <c r="B80" s="1" t="s">
        <v>17</v>
      </c>
      <c r="C80" s="5">
        <v>134.94999999999999</v>
      </c>
      <c r="D80" s="3">
        <v>45915</v>
      </c>
      <c r="E80" s="1" t="s">
        <v>102</v>
      </c>
    </row>
    <row r="81" spans="1:5" ht="45">
      <c r="A81" s="1" t="s">
        <v>20</v>
      </c>
      <c r="B81" s="1" t="s">
        <v>17</v>
      </c>
      <c r="C81" s="5">
        <v>54.03</v>
      </c>
      <c r="D81" s="3">
        <v>45915</v>
      </c>
      <c r="E81" s="1" t="s">
        <v>103</v>
      </c>
    </row>
    <row r="82" spans="1:5" ht="45">
      <c r="A82" s="1" t="s">
        <v>20</v>
      </c>
      <c r="B82" s="1" t="s">
        <v>17</v>
      </c>
      <c r="C82" s="5">
        <v>188.97</v>
      </c>
      <c r="D82" s="3">
        <v>45924</v>
      </c>
      <c r="E82" s="1" t="s">
        <v>104</v>
      </c>
    </row>
    <row r="83" spans="1:5" ht="45">
      <c r="A83" s="1" t="s">
        <v>20</v>
      </c>
      <c r="B83" s="1" t="s">
        <v>17</v>
      </c>
      <c r="C83" s="5">
        <v>145.63999999999999</v>
      </c>
      <c r="D83" s="3">
        <v>45957</v>
      </c>
      <c r="E83" s="1" t="s">
        <v>105</v>
      </c>
    </row>
    <row r="84" spans="1:5" ht="45">
      <c r="A84" s="1" t="s">
        <v>20</v>
      </c>
      <c r="B84" s="1" t="s">
        <v>17</v>
      </c>
      <c r="C84" s="5">
        <v>145.63999999999999</v>
      </c>
      <c r="D84" s="3">
        <v>45987</v>
      </c>
      <c r="E84" s="1" t="s">
        <v>106</v>
      </c>
    </row>
    <row r="85" spans="1:5" ht="45">
      <c r="A85" s="1" t="s">
        <v>20</v>
      </c>
      <c r="B85" s="1" t="s">
        <v>17</v>
      </c>
      <c r="C85" s="5">
        <v>145.63999999999999</v>
      </c>
      <c r="D85" s="3">
        <v>46015</v>
      </c>
      <c r="E85" s="1" t="s">
        <v>107</v>
      </c>
    </row>
    <row r="86" spans="1:5" ht="45">
      <c r="A86" s="1" t="s">
        <v>9</v>
      </c>
      <c r="B86" s="1" t="s">
        <v>17</v>
      </c>
      <c r="C86" s="5">
        <v>8874</v>
      </c>
      <c r="D86" s="3">
        <v>45702</v>
      </c>
      <c r="E86" s="1" t="s">
        <v>108</v>
      </c>
    </row>
    <row r="87" spans="1:5" ht="45">
      <c r="A87" s="1" t="s">
        <v>9</v>
      </c>
      <c r="B87" s="1" t="s">
        <v>17</v>
      </c>
      <c r="C87" s="5">
        <v>9277</v>
      </c>
      <c r="D87" s="3">
        <v>45733</v>
      </c>
      <c r="E87" s="1" t="s">
        <v>109</v>
      </c>
    </row>
    <row r="88" spans="1:5" ht="45">
      <c r="A88" s="1" t="s">
        <v>9</v>
      </c>
      <c r="B88" s="1" t="s">
        <v>17</v>
      </c>
      <c r="C88" s="5">
        <v>6455</v>
      </c>
      <c r="D88" s="3">
        <v>45757</v>
      </c>
      <c r="E88" s="1" t="s">
        <v>110</v>
      </c>
    </row>
    <row r="89" spans="1:5" ht="30">
      <c r="A89" s="1" t="s">
        <v>9</v>
      </c>
      <c r="B89" s="1" t="s">
        <v>17</v>
      </c>
      <c r="C89" s="5">
        <v>8579</v>
      </c>
      <c r="D89" s="3">
        <v>45789</v>
      </c>
      <c r="E89" s="1" t="s">
        <v>111</v>
      </c>
    </row>
    <row r="90" spans="1:5" ht="30">
      <c r="A90" s="1" t="s">
        <v>9</v>
      </c>
      <c r="B90" s="1" t="s">
        <v>17</v>
      </c>
      <c r="C90" s="5">
        <v>7871</v>
      </c>
      <c r="D90" s="3">
        <v>45832</v>
      </c>
      <c r="E90" s="1" t="s">
        <v>112</v>
      </c>
    </row>
    <row r="91" spans="1:5" ht="45">
      <c r="A91" s="1" t="s">
        <v>9</v>
      </c>
      <c r="B91" s="1" t="s">
        <v>17</v>
      </c>
      <c r="C91" s="5">
        <v>8579</v>
      </c>
      <c r="D91" s="3">
        <v>45852</v>
      </c>
      <c r="E91" s="1" t="s">
        <v>113</v>
      </c>
    </row>
    <row r="92" spans="1:5" ht="45">
      <c r="A92" s="1" t="s">
        <v>9</v>
      </c>
      <c r="B92" s="1" t="s">
        <v>17</v>
      </c>
      <c r="C92" s="5">
        <v>7231</v>
      </c>
      <c r="D92" s="3">
        <v>45877</v>
      </c>
      <c r="E92" s="1" t="s">
        <v>114</v>
      </c>
    </row>
    <row r="93" spans="1:5" ht="45">
      <c r="A93" s="1" t="s">
        <v>9</v>
      </c>
      <c r="B93" s="1" t="s">
        <v>17</v>
      </c>
      <c r="C93" s="5">
        <v>7881</v>
      </c>
      <c r="D93" s="3">
        <v>45905</v>
      </c>
      <c r="E93" s="1" t="s">
        <v>115</v>
      </c>
    </row>
    <row r="94" spans="1:5" ht="45">
      <c r="A94" s="1" t="s">
        <v>9</v>
      </c>
      <c r="B94" s="1" t="s">
        <v>17</v>
      </c>
      <c r="C94" s="5">
        <v>7881</v>
      </c>
      <c r="D94" s="3">
        <v>45905</v>
      </c>
      <c r="E94" s="1" t="s">
        <v>116</v>
      </c>
    </row>
    <row r="95" spans="1:5" ht="45">
      <c r="A95" s="1" t="s">
        <v>9</v>
      </c>
      <c r="B95" s="1" t="s">
        <v>17</v>
      </c>
      <c r="C95" s="5">
        <v>6531</v>
      </c>
      <c r="D95" s="3">
        <v>45946</v>
      </c>
      <c r="E95" s="1" t="s">
        <v>117</v>
      </c>
    </row>
    <row r="96" spans="1:5" ht="45">
      <c r="A96" s="1" t="s">
        <v>9</v>
      </c>
      <c r="B96" s="1" t="s">
        <v>17</v>
      </c>
      <c r="C96" s="5">
        <v>7181</v>
      </c>
      <c r="D96" s="3">
        <v>45982</v>
      </c>
      <c r="E96" s="1" t="s">
        <v>118</v>
      </c>
    </row>
    <row r="97" spans="1:5" ht="45">
      <c r="A97" s="1" t="s">
        <v>9</v>
      </c>
      <c r="B97" s="1" t="s">
        <v>17</v>
      </c>
      <c r="C97" s="5">
        <v>6531</v>
      </c>
      <c r="D97" s="3">
        <v>46007</v>
      </c>
      <c r="E97" s="1" t="s">
        <v>119</v>
      </c>
    </row>
    <row r="98" spans="1:5" ht="45">
      <c r="A98" s="1" t="s">
        <v>9</v>
      </c>
      <c r="B98" s="1" t="s">
        <v>17</v>
      </c>
      <c r="C98" s="5">
        <v>6531</v>
      </c>
      <c r="D98" s="3">
        <v>46007</v>
      </c>
      <c r="E98" s="1" t="s">
        <v>120</v>
      </c>
    </row>
    <row r="99" spans="1:5">
      <c r="A99" s="1" t="s">
        <v>9</v>
      </c>
      <c r="B99" s="1" t="s">
        <v>17</v>
      </c>
      <c r="C99" s="5">
        <v>-6531</v>
      </c>
      <c r="D99" s="3">
        <v>46007</v>
      </c>
      <c r="E99" s="1" t="s">
        <v>121</v>
      </c>
    </row>
    <row r="100" spans="1:5" ht="30">
      <c r="A100" s="1" t="s">
        <v>26</v>
      </c>
      <c r="B100" s="1" t="s">
        <v>17</v>
      </c>
      <c r="C100" s="5">
        <v>500</v>
      </c>
      <c r="D100" s="3">
        <v>45670</v>
      </c>
      <c r="E100" s="1" t="s">
        <v>122</v>
      </c>
    </row>
    <row r="101" spans="1:5" ht="30">
      <c r="A101" s="1" t="s">
        <v>26</v>
      </c>
      <c r="B101" s="1" t="s">
        <v>17</v>
      </c>
      <c r="C101" s="5">
        <v>500</v>
      </c>
      <c r="D101" s="3">
        <v>45677</v>
      </c>
      <c r="E101" s="1" t="s">
        <v>123</v>
      </c>
    </row>
    <row r="102" spans="1:5" ht="30">
      <c r="A102" s="1" t="s">
        <v>26</v>
      </c>
      <c r="B102" s="1" t="s">
        <v>17</v>
      </c>
      <c r="C102" s="5">
        <v>500</v>
      </c>
      <c r="D102" s="3">
        <v>45719</v>
      </c>
      <c r="E102" s="1" t="s">
        <v>124</v>
      </c>
    </row>
    <row r="103" spans="1:5" ht="30">
      <c r="A103" s="1" t="s">
        <v>26</v>
      </c>
      <c r="B103" s="1" t="s">
        <v>17</v>
      </c>
      <c r="C103" s="5">
        <v>500</v>
      </c>
      <c r="D103" s="3">
        <v>45743</v>
      </c>
      <c r="E103" s="1" t="s">
        <v>125</v>
      </c>
    </row>
    <row r="104" spans="1:5" ht="30">
      <c r="A104" s="1" t="s">
        <v>26</v>
      </c>
      <c r="B104" s="1" t="s">
        <v>17</v>
      </c>
      <c r="C104" s="5">
        <v>500</v>
      </c>
      <c r="D104" s="3">
        <v>45777</v>
      </c>
      <c r="E104" s="1" t="s">
        <v>126</v>
      </c>
    </row>
    <row r="105" spans="1:5" ht="30">
      <c r="A105" s="1" t="s">
        <v>26</v>
      </c>
      <c r="B105" s="1" t="s">
        <v>17</v>
      </c>
      <c r="C105" s="5">
        <v>484.07</v>
      </c>
      <c r="D105" s="3">
        <v>45804</v>
      </c>
      <c r="E105" s="1" t="s">
        <v>127</v>
      </c>
    </row>
    <row r="106" spans="1:5" ht="30">
      <c r="A106" s="1" t="s">
        <v>26</v>
      </c>
      <c r="B106" s="1" t="s">
        <v>17</v>
      </c>
      <c r="C106" s="5">
        <v>484.07</v>
      </c>
      <c r="D106" s="3">
        <v>45828</v>
      </c>
      <c r="E106" s="1" t="s">
        <v>128</v>
      </c>
    </row>
    <row r="107" spans="1:5" ht="30">
      <c r="A107" s="1" t="s">
        <v>26</v>
      </c>
      <c r="B107" s="1" t="s">
        <v>17</v>
      </c>
      <c r="C107" s="5">
        <v>484.07</v>
      </c>
      <c r="D107" s="3">
        <v>45860</v>
      </c>
      <c r="E107" s="1" t="s">
        <v>129</v>
      </c>
    </row>
    <row r="108" spans="1:5" ht="30">
      <c r="A108" s="1" t="s">
        <v>26</v>
      </c>
      <c r="B108" s="1" t="s">
        <v>17</v>
      </c>
      <c r="C108" s="5">
        <v>484.07</v>
      </c>
      <c r="D108" s="3">
        <v>45894</v>
      </c>
      <c r="E108" s="1" t="s">
        <v>130</v>
      </c>
    </row>
    <row r="109" spans="1:5" ht="30">
      <c r="A109" s="1" t="s">
        <v>26</v>
      </c>
      <c r="B109" s="1" t="s">
        <v>17</v>
      </c>
      <c r="C109" s="5">
        <v>484.07</v>
      </c>
      <c r="D109" s="3">
        <v>45912</v>
      </c>
      <c r="E109" s="1" t="s">
        <v>131</v>
      </c>
    </row>
    <row r="110" spans="1:5" ht="45">
      <c r="A110" s="1" t="s">
        <v>26</v>
      </c>
      <c r="B110" s="1" t="s">
        <v>17</v>
      </c>
      <c r="C110" s="5">
        <v>1072.78</v>
      </c>
      <c r="D110" s="3">
        <v>45946</v>
      </c>
      <c r="E110" s="1" t="s">
        <v>132</v>
      </c>
    </row>
    <row r="111" spans="1:5" ht="45">
      <c r="A111" s="1" t="s">
        <v>26</v>
      </c>
      <c r="B111" s="1" t="s">
        <v>17</v>
      </c>
      <c r="C111" s="5">
        <v>1072.78</v>
      </c>
      <c r="D111" s="3">
        <v>45979</v>
      </c>
      <c r="E111" s="1" t="s">
        <v>133</v>
      </c>
    </row>
    <row r="112" spans="1:5" ht="45">
      <c r="A112" s="1" t="s">
        <v>26</v>
      </c>
      <c r="B112" s="1" t="s">
        <v>17</v>
      </c>
      <c r="C112" s="5">
        <v>1072.78</v>
      </c>
      <c r="D112" s="3">
        <v>46000</v>
      </c>
      <c r="E112" s="1" t="s">
        <v>134</v>
      </c>
    </row>
    <row r="113" spans="1:5" ht="30">
      <c r="A113" s="1" t="s">
        <v>15</v>
      </c>
      <c r="B113" s="1" t="s">
        <v>17</v>
      </c>
      <c r="C113" s="5">
        <v>991.5</v>
      </c>
      <c r="D113" s="3">
        <v>45670</v>
      </c>
      <c r="E113" s="1" t="s">
        <v>135</v>
      </c>
    </row>
    <row r="114" spans="1:5" ht="30">
      <c r="A114" s="1" t="s">
        <v>15</v>
      </c>
      <c r="B114" s="1" t="s">
        <v>17</v>
      </c>
      <c r="C114" s="5">
        <v>1024.55</v>
      </c>
      <c r="D114" s="3">
        <v>45693</v>
      </c>
      <c r="E114" s="1" t="s">
        <v>136</v>
      </c>
    </row>
    <row r="115" spans="1:5" ht="45">
      <c r="A115" s="1" t="s">
        <v>15</v>
      </c>
      <c r="B115" s="1" t="s">
        <v>17</v>
      </c>
      <c r="C115" s="5">
        <v>991.5</v>
      </c>
      <c r="D115" s="3">
        <v>45818</v>
      </c>
      <c r="E115" s="1" t="s">
        <v>137</v>
      </c>
    </row>
    <row r="116" spans="1:5" ht="60">
      <c r="A116" s="1" t="s">
        <v>15</v>
      </c>
      <c r="B116" s="1" t="s">
        <v>17</v>
      </c>
      <c r="C116" s="5">
        <v>925.4</v>
      </c>
      <c r="D116" s="3">
        <v>45818</v>
      </c>
      <c r="E116" s="1" t="s">
        <v>138</v>
      </c>
    </row>
    <row r="117" spans="1:5" ht="60">
      <c r="A117" s="1" t="s">
        <v>15</v>
      </c>
      <c r="B117" s="1" t="s">
        <v>17</v>
      </c>
      <c r="C117" s="5">
        <v>1024.55</v>
      </c>
      <c r="D117" s="3">
        <v>45818</v>
      </c>
      <c r="E117" s="1" t="s">
        <v>139</v>
      </c>
    </row>
    <row r="118" spans="1:5" ht="60">
      <c r="A118" s="1" t="s">
        <v>15</v>
      </c>
      <c r="B118" s="1" t="s">
        <v>17</v>
      </c>
      <c r="C118" s="5">
        <v>1024.55</v>
      </c>
      <c r="D118" s="3">
        <v>45818</v>
      </c>
      <c r="E118" s="1" t="s">
        <v>140</v>
      </c>
    </row>
    <row r="119" spans="1:5" ht="45">
      <c r="A119" s="1" t="s">
        <v>15</v>
      </c>
      <c r="B119" s="1" t="s">
        <v>17</v>
      </c>
      <c r="C119" s="5">
        <v>1024.55</v>
      </c>
      <c r="D119" s="3">
        <v>45818</v>
      </c>
      <c r="E119" s="1" t="s">
        <v>141</v>
      </c>
    </row>
    <row r="120" spans="1:5" ht="60">
      <c r="A120" s="1" t="s">
        <v>15</v>
      </c>
      <c r="B120" s="1" t="s">
        <v>17</v>
      </c>
      <c r="C120" s="5">
        <v>1024.55</v>
      </c>
      <c r="D120" s="3">
        <v>45901</v>
      </c>
      <c r="E120" s="1" t="s">
        <v>142</v>
      </c>
    </row>
    <row r="121" spans="1:5" ht="60">
      <c r="A121" s="1" t="s">
        <v>15</v>
      </c>
      <c r="B121" s="1" t="s">
        <v>17</v>
      </c>
      <c r="C121" s="5">
        <v>991.5</v>
      </c>
      <c r="D121" s="3">
        <v>45901</v>
      </c>
      <c r="E121" s="1" t="s">
        <v>143</v>
      </c>
    </row>
    <row r="122" spans="1:5" ht="60">
      <c r="A122" s="1" t="s">
        <v>15</v>
      </c>
      <c r="B122" s="1" t="s">
        <v>17</v>
      </c>
      <c r="C122" s="5">
        <v>1024.55</v>
      </c>
      <c r="D122" s="3">
        <v>45910</v>
      </c>
      <c r="E122" s="1" t="s">
        <v>144</v>
      </c>
    </row>
    <row r="123" spans="1:5">
      <c r="A123" s="1" t="s">
        <v>10</v>
      </c>
      <c r="B123" s="1" t="s">
        <v>6</v>
      </c>
      <c r="C123" s="5">
        <v>2208</v>
      </c>
      <c r="D123" s="3">
        <v>45700</v>
      </c>
      <c r="E123" s="1" t="s">
        <v>145</v>
      </c>
    </row>
    <row r="124" spans="1:5">
      <c r="A124" s="1" t="s">
        <v>10</v>
      </c>
      <c r="B124" s="1" t="s">
        <v>6</v>
      </c>
      <c r="C124" s="5">
        <v>1782</v>
      </c>
      <c r="D124" s="3">
        <v>45707</v>
      </c>
      <c r="E124" s="1" t="s">
        <v>27</v>
      </c>
    </row>
    <row r="125" spans="1:5">
      <c r="A125" s="1" t="s">
        <v>10</v>
      </c>
      <c r="B125" s="1" t="s">
        <v>6</v>
      </c>
      <c r="C125" s="5">
        <v>300</v>
      </c>
      <c r="D125" s="3">
        <v>45707</v>
      </c>
      <c r="E125" s="1" t="s">
        <v>146</v>
      </c>
    </row>
    <row r="126" spans="1:5">
      <c r="A126" s="1" t="s">
        <v>10</v>
      </c>
      <c r="B126" s="1" t="s">
        <v>6</v>
      </c>
      <c r="C126" s="5">
        <v>1830</v>
      </c>
      <c r="D126" s="3">
        <v>45754</v>
      </c>
      <c r="E126" s="1" t="s">
        <v>147</v>
      </c>
    </row>
    <row r="127" spans="1:5">
      <c r="A127" s="1" t="s">
        <v>10</v>
      </c>
      <c r="B127" s="1" t="s">
        <v>6</v>
      </c>
      <c r="C127" s="5">
        <v>1950</v>
      </c>
      <c r="D127" s="3">
        <v>45754</v>
      </c>
      <c r="E127" s="1" t="s">
        <v>148</v>
      </c>
    </row>
    <row r="128" spans="1:5">
      <c r="A128" s="1" t="s">
        <v>10</v>
      </c>
      <c r="B128" s="1" t="s">
        <v>6</v>
      </c>
      <c r="C128" s="5">
        <v>1908.5</v>
      </c>
      <c r="D128" s="3">
        <v>45769</v>
      </c>
      <c r="E128" s="1" t="s">
        <v>149</v>
      </c>
    </row>
    <row r="129" spans="1:5">
      <c r="A129" s="1" t="s">
        <v>10</v>
      </c>
      <c r="B129" s="1" t="s">
        <v>6</v>
      </c>
      <c r="C129" s="5">
        <v>2034</v>
      </c>
      <c r="D129" s="3">
        <v>45790</v>
      </c>
      <c r="E129" s="1" t="s">
        <v>150</v>
      </c>
    </row>
    <row r="130" spans="1:5">
      <c r="A130" s="1" t="s">
        <v>10</v>
      </c>
      <c r="B130" s="1" t="s">
        <v>6</v>
      </c>
      <c r="C130" s="5">
        <v>1806</v>
      </c>
      <c r="D130" s="3">
        <v>45820</v>
      </c>
      <c r="E130" s="1" t="s">
        <v>151</v>
      </c>
    </row>
    <row r="131" spans="1:5">
      <c r="A131" s="1" t="s">
        <v>10</v>
      </c>
      <c r="B131" s="1" t="s">
        <v>6</v>
      </c>
      <c r="C131" s="5">
        <v>1542</v>
      </c>
      <c r="D131" s="3">
        <v>45846</v>
      </c>
      <c r="E131" s="1" t="s">
        <v>152</v>
      </c>
    </row>
    <row r="132" spans="1:5">
      <c r="A132" s="1" t="s">
        <v>10</v>
      </c>
      <c r="B132" s="1" t="s">
        <v>6</v>
      </c>
      <c r="C132" s="5">
        <v>1668</v>
      </c>
      <c r="D132" s="3">
        <v>45877</v>
      </c>
      <c r="E132" s="1" t="s">
        <v>153</v>
      </c>
    </row>
    <row r="133" spans="1:5">
      <c r="A133" s="1" t="s">
        <v>10</v>
      </c>
      <c r="B133" s="1" t="s">
        <v>6</v>
      </c>
      <c r="C133" s="5">
        <v>1566</v>
      </c>
      <c r="D133" s="3">
        <v>45924</v>
      </c>
      <c r="E133" s="1" t="s">
        <v>154</v>
      </c>
    </row>
    <row r="134" spans="1:5">
      <c r="A134" s="1" t="s">
        <v>10</v>
      </c>
      <c r="B134" s="1" t="s">
        <v>6</v>
      </c>
      <c r="C134" s="5">
        <v>1494</v>
      </c>
      <c r="D134" s="3">
        <v>45946</v>
      </c>
      <c r="E134" s="1" t="s">
        <v>155</v>
      </c>
    </row>
    <row r="135" spans="1:5">
      <c r="A135" s="1" t="s">
        <v>10</v>
      </c>
      <c r="B135" s="1" t="s">
        <v>6</v>
      </c>
      <c r="C135" s="5">
        <v>1434</v>
      </c>
      <c r="D135" s="3">
        <v>45974</v>
      </c>
      <c r="E135" s="1" t="s">
        <v>156</v>
      </c>
    </row>
    <row r="136" spans="1:5">
      <c r="A136" s="1" t="s">
        <v>10</v>
      </c>
      <c r="B136" s="1" t="s">
        <v>6</v>
      </c>
      <c r="C136" s="5">
        <v>210</v>
      </c>
      <c r="D136" s="3">
        <v>46007</v>
      </c>
      <c r="E136" s="1" t="s">
        <v>157</v>
      </c>
    </row>
    <row r="137" spans="1:5">
      <c r="A137" s="1" t="s">
        <v>10</v>
      </c>
      <c r="B137" s="1" t="s">
        <v>6</v>
      </c>
      <c r="C137" s="5">
        <v>1500</v>
      </c>
      <c r="D137" s="3">
        <v>46007</v>
      </c>
      <c r="E137" s="1" t="s">
        <v>158</v>
      </c>
    </row>
    <row r="138" spans="1:5" ht="30">
      <c r="A138" s="1" t="s">
        <v>21</v>
      </c>
      <c r="B138" s="1" t="s">
        <v>17</v>
      </c>
      <c r="C138" s="5">
        <v>937</v>
      </c>
      <c r="D138" s="3">
        <v>45674</v>
      </c>
      <c r="E138" s="1" t="s">
        <v>159</v>
      </c>
    </row>
    <row r="139" spans="1:5" ht="30">
      <c r="A139" s="1" t="s">
        <v>21</v>
      </c>
      <c r="B139" s="1" t="s">
        <v>17</v>
      </c>
      <c r="C139" s="5">
        <v>968</v>
      </c>
      <c r="D139" s="3">
        <v>45715</v>
      </c>
      <c r="E139" s="1" t="s">
        <v>160</v>
      </c>
    </row>
    <row r="140" spans="1:5" ht="30">
      <c r="A140" s="1" t="s">
        <v>21</v>
      </c>
      <c r="B140" s="1" t="s">
        <v>17</v>
      </c>
      <c r="C140" s="5">
        <v>794</v>
      </c>
      <c r="D140" s="3">
        <v>45754</v>
      </c>
      <c r="E140" s="1" t="s">
        <v>161</v>
      </c>
    </row>
    <row r="141" spans="1:5">
      <c r="A141" s="1" t="s">
        <v>22</v>
      </c>
      <c r="B141" s="1" t="s">
        <v>17</v>
      </c>
      <c r="C141" s="5">
        <v>430</v>
      </c>
      <c r="D141" s="3">
        <v>45684</v>
      </c>
      <c r="E141" s="1" t="s">
        <v>162</v>
      </c>
    </row>
    <row r="142" spans="1:5">
      <c r="A142" s="1" t="s">
        <v>22</v>
      </c>
      <c r="B142" s="1" t="s">
        <v>17</v>
      </c>
      <c r="C142" s="5">
        <v>430</v>
      </c>
      <c r="D142" s="3">
        <v>45727</v>
      </c>
      <c r="E142" s="1" t="s">
        <v>163</v>
      </c>
    </row>
    <row r="143" spans="1:5">
      <c r="A143" s="1" t="s">
        <v>22</v>
      </c>
      <c r="B143" s="1" t="s">
        <v>17</v>
      </c>
      <c r="C143" s="5">
        <v>430</v>
      </c>
      <c r="D143" s="3">
        <v>45742</v>
      </c>
      <c r="E143" s="1" t="s">
        <v>164</v>
      </c>
    </row>
    <row r="144" spans="1:5">
      <c r="A144" s="1" t="s">
        <v>22</v>
      </c>
      <c r="B144" s="1" t="s">
        <v>17</v>
      </c>
      <c r="C144" s="5">
        <v>430</v>
      </c>
      <c r="D144" s="3">
        <v>45771</v>
      </c>
      <c r="E144" s="1" t="s">
        <v>165</v>
      </c>
    </row>
    <row r="145" spans="1:5" ht="30">
      <c r="A145" s="1" t="s">
        <v>22</v>
      </c>
      <c r="B145" s="1" t="s">
        <v>17</v>
      </c>
      <c r="C145" s="5">
        <v>1330</v>
      </c>
      <c r="D145" s="3">
        <v>45805</v>
      </c>
      <c r="E145" s="1" t="s">
        <v>166</v>
      </c>
    </row>
    <row r="146" spans="1:5" ht="30">
      <c r="A146" s="1" t="s">
        <v>22</v>
      </c>
      <c r="B146" s="1" t="s">
        <v>17</v>
      </c>
      <c r="C146" s="5">
        <v>1330</v>
      </c>
      <c r="D146" s="3">
        <v>45832</v>
      </c>
      <c r="E146" s="1" t="s">
        <v>167</v>
      </c>
    </row>
    <row r="147" spans="1:5" ht="30">
      <c r="A147" s="1" t="s">
        <v>22</v>
      </c>
      <c r="B147" s="1" t="s">
        <v>17</v>
      </c>
      <c r="C147" s="5">
        <v>1330</v>
      </c>
      <c r="D147" s="3">
        <v>45861</v>
      </c>
      <c r="E147" s="1" t="s">
        <v>168</v>
      </c>
    </row>
    <row r="148" spans="1:5" ht="30">
      <c r="A148" s="1" t="s">
        <v>22</v>
      </c>
      <c r="B148" s="1" t="s">
        <v>17</v>
      </c>
      <c r="C148" s="5">
        <v>1330</v>
      </c>
      <c r="D148" s="3">
        <v>45916</v>
      </c>
      <c r="E148" s="1" t="s">
        <v>169</v>
      </c>
    </row>
    <row r="149" spans="1:5" ht="30">
      <c r="A149" s="1" t="s">
        <v>22</v>
      </c>
      <c r="B149" s="1" t="s">
        <v>17</v>
      </c>
      <c r="C149" s="5">
        <v>1330</v>
      </c>
      <c r="D149" s="3">
        <v>45923</v>
      </c>
      <c r="E149" s="1" t="s">
        <v>170</v>
      </c>
    </row>
    <row r="150" spans="1:5" ht="30">
      <c r="A150" s="1" t="s">
        <v>22</v>
      </c>
      <c r="B150" s="1" t="s">
        <v>17</v>
      </c>
      <c r="C150" s="5">
        <v>1330</v>
      </c>
      <c r="D150" s="3">
        <v>45959</v>
      </c>
      <c r="E150" s="1" t="s">
        <v>171</v>
      </c>
    </row>
    <row r="151" spans="1:5" ht="30">
      <c r="A151" s="1" t="s">
        <v>22</v>
      </c>
      <c r="B151" s="1" t="s">
        <v>17</v>
      </c>
      <c r="C151" s="5">
        <v>1330</v>
      </c>
      <c r="D151" s="3">
        <v>45986</v>
      </c>
      <c r="E151" s="1" t="s">
        <v>172</v>
      </c>
    </row>
    <row r="152" spans="1:5" ht="30">
      <c r="A152" s="1" t="s">
        <v>22</v>
      </c>
      <c r="B152" s="1" t="s">
        <v>17</v>
      </c>
      <c r="C152" s="5">
        <v>1330</v>
      </c>
      <c r="D152" s="3">
        <v>46008</v>
      </c>
      <c r="E152" s="1" t="s">
        <v>173</v>
      </c>
    </row>
    <row r="153" spans="1:5" ht="30">
      <c r="A153" s="1" t="s">
        <v>23</v>
      </c>
      <c r="B153" s="1" t="s">
        <v>18</v>
      </c>
      <c r="C153" s="5">
        <v>24</v>
      </c>
      <c r="D153" s="3">
        <v>45698</v>
      </c>
      <c r="E153" s="1" t="s">
        <v>174</v>
      </c>
    </row>
    <row r="154" spans="1:5">
      <c r="A154" s="1" t="s">
        <v>23</v>
      </c>
      <c r="B154" s="1" t="s">
        <v>6</v>
      </c>
      <c r="C154" s="5">
        <v>2792.54</v>
      </c>
      <c r="D154" s="3">
        <v>45687</v>
      </c>
      <c r="E154" s="1" t="s">
        <v>149</v>
      </c>
    </row>
    <row r="155" spans="1:5">
      <c r="A155" s="1" t="s">
        <v>23</v>
      </c>
      <c r="B155" s="1" t="s">
        <v>6</v>
      </c>
      <c r="C155" s="5">
        <v>840.33</v>
      </c>
      <c r="D155" s="3">
        <v>45694</v>
      </c>
      <c r="E155" s="1" t="s">
        <v>149</v>
      </c>
    </row>
    <row r="156" spans="1:5">
      <c r="A156" s="1" t="s">
        <v>23</v>
      </c>
      <c r="B156" s="1" t="s">
        <v>6</v>
      </c>
      <c r="C156" s="5">
        <v>827.63</v>
      </c>
      <c r="D156" s="3">
        <v>45694</v>
      </c>
      <c r="E156" s="1" t="s">
        <v>149</v>
      </c>
    </row>
    <row r="157" spans="1:5">
      <c r="A157" s="1" t="s">
        <v>23</v>
      </c>
      <c r="B157" s="1" t="s">
        <v>6</v>
      </c>
      <c r="C157" s="5">
        <v>4728</v>
      </c>
      <c r="D157" s="3">
        <v>45723</v>
      </c>
      <c r="E157" s="1" t="s">
        <v>145</v>
      </c>
    </row>
    <row r="158" spans="1:5">
      <c r="A158" s="1" t="s">
        <v>23</v>
      </c>
      <c r="B158" s="1" t="s">
        <v>6</v>
      </c>
      <c r="C158" s="5">
        <v>4356</v>
      </c>
      <c r="D158" s="3">
        <v>45744</v>
      </c>
      <c r="E158" s="1" t="s">
        <v>147</v>
      </c>
    </row>
    <row r="159" spans="1:5">
      <c r="A159" s="1" t="s">
        <v>23</v>
      </c>
      <c r="B159" s="1" t="s">
        <v>6</v>
      </c>
      <c r="C159" s="5">
        <v>5754</v>
      </c>
      <c r="D159" s="3">
        <v>45769</v>
      </c>
      <c r="E159" s="1" t="s">
        <v>148</v>
      </c>
    </row>
    <row r="160" spans="1:5">
      <c r="A160" s="1" t="s">
        <v>23</v>
      </c>
      <c r="B160" s="1" t="s">
        <v>6</v>
      </c>
      <c r="C160" s="5">
        <v>5502</v>
      </c>
      <c r="D160" s="3">
        <v>45817</v>
      </c>
      <c r="E160" s="1" t="s">
        <v>150</v>
      </c>
    </row>
    <row r="161" spans="1:5">
      <c r="A161" s="1" t="s">
        <v>23</v>
      </c>
      <c r="B161" s="1" t="s">
        <v>6</v>
      </c>
      <c r="C161" s="5">
        <v>5400</v>
      </c>
      <c r="D161" s="3">
        <v>45860</v>
      </c>
      <c r="E161" s="1" t="s">
        <v>151</v>
      </c>
    </row>
    <row r="162" spans="1:5">
      <c r="A162" s="1" t="s">
        <v>23</v>
      </c>
      <c r="B162" s="1" t="s">
        <v>6</v>
      </c>
      <c r="C162" s="5">
        <v>5322</v>
      </c>
      <c r="D162" s="3">
        <v>45881</v>
      </c>
      <c r="E162" s="1" t="s">
        <v>152</v>
      </c>
    </row>
    <row r="163" spans="1:5">
      <c r="A163" s="1" t="s">
        <v>23</v>
      </c>
      <c r="B163" s="1" t="s">
        <v>6</v>
      </c>
      <c r="C163" s="5">
        <v>5682</v>
      </c>
      <c r="D163" s="3">
        <v>45896</v>
      </c>
      <c r="E163" s="1" t="s">
        <v>153</v>
      </c>
    </row>
    <row r="164" spans="1:5">
      <c r="A164" s="1" t="s">
        <v>23</v>
      </c>
      <c r="B164" s="1" t="s">
        <v>6</v>
      </c>
      <c r="C164" s="5">
        <v>5496</v>
      </c>
      <c r="D164" s="3">
        <v>45936</v>
      </c>
      <c r="E164" s="1" t="s">
        <v>175</v>
      </c>
    </row>
    <row r="165" spans="1:5">
      <c r="A165" s="1" t="s">
        <v>23</v>
      </c>
      <c r="B165" s="1" t="s">
        <v>6</v>
      </c>
      <c r="C165" s="5">
        <v>5502</v>
      </c>
      <c r="D165" s="3">
        <v>45974</v>
      </c>
      <c r="E165" s="1" t="s">
        <v>176</v>
      </c>
    </row>
    <row r="166" spans="1:5">
      <c r="A166" s="1" t="s">
        <v>23</v>
      </c>
      <c r="B166" s="1" t="s">
        <v>6</v>
      </c>
      <c r="C166" s="5">
        <v>5790</v>
      </c>
      <c r="D166" s="3">
        <v>45981</v>
      </c>
      <c r="E166" s="1" t="s">
        <v>177</v>
      </c>
    </row>
    <row r="167" spans="1:5">
      <c r="A167" s="1" t="s">
        <v>23</v>
      </c>
      <c r="B167" s="1" t="s">
        <v>6</v>
      </c>
      <c r="C167" s="5">
        <v>6054</v>
      </c>
      <c r="D167" s="3">
        <v>46010</v>
      </c>
      <c r="E167" s="1" t="s">
        <v>178</v>
      </c>
    </row>
    <row r="168" spans="1:5" ht="30">
      <c r="A168" s="1" t="s">
        <v>24</v>
      </c>
      <c r="B168" s="1" t="s">
        <v>17</v>
      </c>
      <c r="C168" s="5">
        <v>365.76</v>
      </c>
      <c r="D168" s="3">
        <v>45761</v>
      </c>
      <c r="E168" s="1" t="s">
        <v>179</v>
      </c>
    </row>
    <row r="169" spans="1:5" ht="30">
      <c r="A169" s="1" t="s">
        <v>11</v>
      </c>
      <c r="B169" s="1" t="s">
        <v>17</v>
      </c>
      <c r="C169" s="5">
        <v>545</v>
      </c>
      <c r="D169" s="3">
        <v>45707</v>
      </c>
      <c r="E169" s="1" t="s">
        <v>180</v>
      </c>
    </row>
    <row r="170" spans="1:5" ht="30">
      <c r="A170" s="1" t="s">
        <v>11</v>
      </c>
      <c r="B170" s="1" t="s">
        <v>17</v>
      </c>
      <c r="C170" s="5">
        <v>602</v>
      </c>
      <c r="D170" s="3">
        <v>45715</v>
      </c>
      <c r="E170" s="1" t="s">
        <v>181</v>
      </c>
    </row>
    <row r="171" spans="1:5" ht="30">
      <c r="A171" s="1" t="s">
        <v>11</v>
      </c>
      <c r="B171" s="1" t="s">
        <v>17</v>
      </c>
      <c r="C171" s="5">
        <v>633</v>
      </c>
      <c r="D171" s="3">
        <v>45729</v>
      </c>
      <c r="E171" s="1" t="s">
        <v>182</v>
      </c>
    </row>
    <row r="172" spans="1:5" ht="30">
      <c r="A172" s="1" t="s">
        <v>11</v>
      </c>
      <c r="B172" s="1" t="s">
        <v>17</v>
      </c>
      <c r="C172" s="5">
        <v>459</v>
      </c>
      <c r="D172" s="3">
        <v>45777</v>
      </c>
      <c r="E172" s="1" t="s">
        <v>183</v>
      </c>
    </row>
    <row r="173" spans="1:5" ht="30">
      <c r="A173" s="1" t="s">
        <v>11</v>
      </c>
      <c r="B173" s="1" t="s">
        <v>17</v>
      </c>
      <c r="C173" s="5">
        <v>575</v>
      </c>
      <c r="D173" s="3">
        <v>45820</v>
      </c>
      <c r="E173" s="1" t="s">
        <v>184</v>
      </c>
    </row>
    <row r="174" spans="1:5" ht="30">
      <c r="A174" s="1" t="s">
        <v>11</v>
      </c>
      <c r="B174" s="1" t="s">
        <v>17</v>
      </c>
      <c r="C174" s="5">
        <v>633</v>
      </c>
      <c r="D174" s="3">
        <v>45820</v>
      </c>
      <c r="E174" s="1" t="s">
        <v>185</v>
      </c>
    </row>
    <row r="175" spans="1:5" ht="30">
      <c r="A175" s="1" t="s">
        <v>11</v>
      </c>
      <c r="B175" s="1" t="s">
        <v>17</v>
      </c>
      <c r="C175" s="5">
        <v>633</v>
      </c>
      <c r="D175" s="3">
        <v>45888</v>
      </c>
      <c r="E175" s="1" t="s">
        <v>186</v>
      </c>
    </row>
    <row r="176" spans="1:5" ht="30">
      <c r="A176" s="1" t="s">
        <v>11</v>
      </c>
      <c r="B176" s="1" t="s">
        <v>17</v>
      </c>
      <c r="C176" s="5">
        <v>575</v>
      </c>
      <c r="D176" s="3">
        <v>45889</v>
      </c>
      <c r="E176" s="1" t="s">
        <v>187</v>
      </c>
    </row>
    <row r="177" spans="1:5" ht="30">
      <c r="A177" s="1" t="s">
        <v>11</v>
      </c>
      <c r="B177" s="1" t="s">
        <v>17</v>
      </c>
      <c r="C177" s="5">
        <v>633</v>
      </c>
      <c r="D177" s="3">
        <v>45922</v>
      </c>
      <c r="E177" s="1" t="s">
        <v>188</v>
      </c>
    </row>
    <row r="178" spans="1:5" ht="30">
      <c r="A178" s="1" t="s">
        <v>11</v>
      </c>
      <c r="B178" s="1" t="s">
        <v>17</v>
      </c>
      <c r="C178" s="5">
        <v>633</v>
      </c>
      <c r="D178" s="3">
        <v>45923</v>
      </c>
      <c r="E178" s="1" t="s">
        <v>189</v>
      </c>
    </row>
    <row r="179" spans="1:5" ht="30">
      <c r="A179" s="1" t="s">
        <v>11</v>
      </c>
      <c r="B179" s="1" t="s">
        <v>17</v>
      </c>
      <c r="C179" s="5">
        <v>575</v>
      </c>
      <c r="D179" s="3">
        <v>45947</v>
      </c>
      <c r="E179" s="1" t="s">
        <v>190</v>
      </c>
    </row>
    <row r="180" spans="1:5" ht="30">
      <c r="A180" s="1" t="s">
        <v>11</v>
      </c>
      <c r="B180" s="1" t="s">
        <v>17</v>
      </c>
      <c r="C180" s="5">
        <v>633</v>
      </c>
      <c r="D180" s="3">
        <v>46001</v>
      </c>
      <c r="E180" s="1" t="s">
        <v>191</v>
      </c>
    </row>
    <row r="181" spans="1:5" ht="30">
      <c r="A181" s="1" t="s">
        <v>11</v>
      </c>
      <c r="B181" s="1" t="s">
        <v>17</v>
      </c>
      <c r="C181" s="5">
        <v>575</v>
      </c>
      <c r="D181" s="3">
        <v>46003</v>
      </c>
      <c r="E181" s="1" t="s">
        <v>192</v>
      </c>
    </row>
  </sheetData>
  <mergeCells count="4">
    <mergeCell ref="A1:E1"/>
    <mergeCell ref="A2:E2"/>
    <mergeCell ref="A3:E3"/>
    <mergeCell ref="A4:E4"/>
  </mergeCells>
  <pageMargins left="0.82677165354330717" right="0.82677165354330717" top="0.74803149606299213" bottom="0.74803149606299213" header="0.31496062992125984" footer="0.31496062992125984"/>
  <pageSetup paperSize="9" scale="54" fitToHeight="0" orientation="portrait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ogli di lavoro</vt:lpstr>
      </vt:variant>
      <vt:variant>
        <vt:i4>1</vt:i4>
      </vt:variant>
      <vt:variant>
        <vt:lpstr>Intervalli denominati</vt:lpstr>
      </vt:variant>
      <vt:variant>
        <vt:i4>1</vt:i4>
      </vt:variant>
    </vt:vector>
  </HeadingPairs>
  <TitlesOfParts>
    <vt:vector size="2" baseType="lpstr">
      <vt:lpstr>PER IMPORTAZIONE</vt:lpstr>
      <vt:lpstr>'PER IMPORTAZIONE'!Titoli_stamp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rciso Passeri</dc:creator>
  <cp:lastModifiedBy>Narciso Passeri</cp:lastModifiedBy>
  <cp:lastPrinted>2025-05-22T10:51:47Z</cp:lastPrinted>
  <dcterms:created xsi:type="dcterms:W3CDTF">2021-07-01T13:13:39Z</dcterms:created>
  <dcterms:modified xsi:type="dcterms:W3CDTF">2026-06-09T06:33:07Z</dcterms:modified>
</cp:coreProperties>
</file>